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60" r:id="rId10"/>
  </p:sldMasterIdLst>
  <p:notesMasterIdLst>
    <p:notesMasterId r:id="rId25"/>
  </p:notesMasterIdLst>
  <p:handoutMasterIdLst>
    <p:handoutMasterId r:id="rId26"/>
  </p:handoutMasterIdLst>
  <p:sldIdLst>
    <p:sldId id="256" r:id="rId11"/>
    <p:sldId id="685" r:id="rId12"/>
    <p:sldId id="689" r:id="rId13"/>
    <p:sldId id="645" r:id="rId14"/>
    <p:sldId id="644" r:id="rId15"/>
    <p:sldId id="691" r:id="rId16"/>
    <p:sldId id="666" r:id="rId17"/>
    <p:sldId id="692" r:id="rId18"/>
    <p:sldId id="695" r:id="rId19"/>
    <p:sldId id="693" r:id="rId20"/>
    <p:sldId id="694" r:id="rId21"/>
    <p:sldId id="628" r:id="rId22"/>
    <p:sldId id="681" r:id="rId23"/>
    <p:sldId id="261" r:id="rId24"/>
  </p:sldIdLst>
  <p:sldSz cx="12192000" cy="6858000"/>
  <p:notesSz cx="6858000" cy="9144000"/>
  <p:embeddedFontLst>
    <p:embeddedFont>
      <p:font typeface="Ericsson Hilda" panose="00000500000000000000" pitchFamily="2" charset="0"/>
      <p:regular r:id="rId27"/>
      <p:bold r:id="rId28"/>
      <p:italic r:id="rId29"/>
      <p:boldItalic r:id="rId30"/>
    </p:embeddedFont>
    <p:embeddedFont>
      <p:font typeface="Ericsson Hilda ExtraBold" panose="00000900000000000000" pitchFamily="2" charset="0"/>
      <p:bold r:id="rId31"/>
    </p:embeddedFont>
    <p:embeddedFont>
      <p:font typeface="Ericsson Hilda ExtraLight" panose="00000300000000000000" pitchFamily="2" charset="0"/>
      <p:regular r:id="rId32"/>
    </p:embeddedFont>
    <p:embeddedFont>
      <p:font typeface="Ericsson Hilda Light" panose="00000400000000000000" pitchFamily="2" charset="0"/>
      <p:regular r:id="rId33"/>
      <p:italic r:id="rId34"/>
    </p:embeddedFont>
    <p:embeddedFont>
      <p:font typeface="Ericsson Technical Icons" panose="020B0604020202020204" charset="0"/>
      <p:regular r:id="rId35"/>
      <p:bold r:id="rId36"/>
      <p:italic r:id="rId37"/>
      <p:boldItalic r:id="rId38"/>
    </p:embeddedFont>
  </p:embeddedFontLst>
  <p:defaultTextStyle>
    <a:defPPr>
      <a:defRPr lang="en-US"/>
    </a:def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FCC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EFC41D1-6E36-435B-973A-7835D0983ADF}" v="1213" dt="2025-05-09T08:24:23.194"/>
    <p1510:client id="{48C0E8DB-F1B9-4F27-B003-A93734DD60F4}" v="20" dt="2025-05-09T19:16:01.781"/>
  </p1510:revLst>
</p1510:revInfo>
</file>

<file path=ppt/tableStyles.xml><?xml version="1.0" encoding="utf-8"?>
<a:tblStyleLst xmlns:a="http://schemas.openxmlformats.org/drawingml/2006/main" def="{5C22544A-7EE6-4342-B048-85BDC9FD1C3A}"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41" d="100"/>
          <a:sy n="141" d="100"/>
        </p:scale>
        <p:origin x="150" y="2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3.xml"/><Relationship Id="rId18" Type="http://schemas.openxmlformats.org/officeDocument/2006/relationships/slide" Target="slides/slide8.xml"/><Relationship Id="rId26" Type="http://schemas.openxmlformats.org/officeDocument/2006/relationships/handoutMaster" Target="handoutMasters/handoutMaster1.xml"/><Relationship Id="rId39" Type="http://schemas.openxmlformats.org/officeDocument/2006/relationships/presProps" Target="presProps.xml"/><Relationship Id="rId21" Type="http://schemas.openxmlformats.org/officeDocument/2006/relationships/slide" Target="slides/slide11.xml"/><Relationship Id="rId34" Type="http://schemas.openxmlformats.org/officeDocument/2006/relationships/font" Target="fonts/font8.fntdata"/><Relationship Id="rId42" Type="http://schemas.openxmlformats.org/officeDocument/2006/relationships/tableStyles" Target="tableStyle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6.xml"/><Relationship Id="rId20" Type="http://schemas.openxmlformats.org/officeDocument/2006/relationships/slide" Target="slides/slide10.xml"/><Relationship Id="rId29" Type="http://schemas.openxmlformats.org/officeDocument/2006/relationships/font" Target="fonts/font3.fntdata"/><Relationship Id="rId41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1.xml"/><Relationship Id="rId24" Type="http://schemas.openxmlformats.org/officeDocument/2006/relationships/slide" Target="slides/slide14.xml"/><Relationship Id="rId32" Type="http://schemas.openxmlformats.org/officeDocument/2006/relationships/font" Target="fonts/font6.fntdata"/><Relationship Id="rId37" Type="http://schemas.openxmlformats.org/officeDocument/2006/relationships/font" Target="fonts/font11.fntdata"/><Relationship Id="rId40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slide" Target="slides/slide5.xml"/><Relationship Id="rId23" Type="http://schemas.openxmlformats.org/officeDocument/2006/relationships/slide" Target="slides/slide13.xml"/><Relationship Id="rId28" Type="http://schemas.openxmlformats.org/officeDocument/2006/relationships/font" Target="fonts/font2.fntdata"/><Relationship Id="rId36" Type="http://schemas.openxmlformats.org/officeDocument/2006/relationships/font" Target="fonts/font10.fntdata"/><Relationship Id="rId10" Type="http://schemas.openxmlformats.org/officeDocument/2006/relationships/slideMaster" Target="slideMasters/slideMaster1.xml"/><Relationship Id="rId19" Type="http://schemas.openxmlformats.org/officeDocument/2006/relationships/slide" Target="slides/slide9.xml"/><Relationship Id="rId31" Type="http://schemas.openxmlformats.org/officeDocument/2006/relationships/font" Target="fonts/font5.fntdata"/><Relationship Id="rId44" Type="http://schemas.microsoft.com/office/2015/10/relationships/revisionInfo" Target="revisionInfo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4.xml"/><Relationship Id="rId22" Type="http://schemas.openxmlformats.org/officeDocument/2006/relationships/slide" Target="slides/slide12.xml"/><Relationship Id="rId27" Type="http://schemas.openxmlformats.org/officeDocument/2006/relationships/font" Target="fonts/font1.fntdata"/><Relationship Id="rId30" Type="http://schemas.openxmlformats.org/officeDocument/2006/relationships/font" Target="fonts/font4.fntdata"/><Relationship Id="rId35" Type="http://schemas.openxmlformats.org/officeDocument/2006/relationships/font" Target="fonts/font9.fntdata"/><Relationship Id="rId43" Type="http://schemas.microsoft.com/office/2016/11/relationships/changesInfo" Target="changesInfos/changesInfo1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slide" Target="slides/slide2.xml"/><Relationship Id="rId17" Type="http://schemas.openxmlformats.org/officeDocument/2006/relationships/slide" Target="slides/slide7.xml"/><Relationship Id="rId25" Type="http://schemas.openxmlformats.org/officeDocument/2006/relationships/notesMaster" Target="notesMasters/notesMaster1.xml"/><Relationship Id="rId33" Type="http://schemas.openxmlformats.org/officeDocument/2006/relationships/font" Target="fonts/font7.fntdata"/><Relationship Id="rId38" Type="http://schemas.openxmlformats.org/officeDocument/2006/relationships/font" Target="fonts/font12.fntdata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erve Gülmez" userId="3594cd17-5953-4511-8d53-8cfc799250e7" providerId="ADAL" clId="{0EFC41D1-6E36-435B-973A-7835D0983ADF}"/>
    <pc:docChg chg="undo custSel addSld delSld modSld sldOrd modMainMaster">
      <pc:chgData name="Merve Gülmez" userId="3594cd17-5953-4511-8d53-8cfc799250e7" providerId="ADAL" clId="{0EFC41D1-6E36-435B-973A-7835D0983ADF}" dt="2025-05-09T08:24:23.194" v="2089" actId="20577"/>
      <pc:docMkLst>
        <pc:docMk/>
      </pc:docMkLst>
      <pc:sldChg chg="modSp mod">
        <pc:chgData name="Merve Gülmez" userId="3594cd17-5953-4511-8d53-8cfc799250e7" providerId="ADAL" clId="{0EFC41D1-6E36-435B-973A-7835D0983ADF}" dt="2025-05-09T08:24:22.675" v="1829" actId="790"/>
        <pc:sldMkLst>
          <pc:docMk/>
          <pc:sldMk cId="616324209" sldId="256"/>
        </pc:sldMkLst>
        <pc:spChg chg="mod">
          <ac:chgData name="Merve Gülmez" userId="3594cd17-5953-4511-8d53-8cfc799250e7" providerId="ADAL" clId="{0EFC41D1-6E36-435B-973A-7835D0983ADF}" dt="2025-05-09T08:24:22.581" v="1825" actId="790"/>
          <ac:spMkLst>
            <pc:docMk/>
            <pc:sldMk cId="616324209" sldId="256"/>
            <ac:spMk id="4" creationId="{9D1603A8-B106-49C8-9A85-772F771CEA7B}"/>
          </ac:spMkLst>
        </pc:spChg>
        <pc:spChg chg="mod">
          <ac:chgData name="Merve Gülmez" userId="3594cd17-5953-4511-8d53-8cfc799250e7" providerId="ADAL" clId="{0EFC41D1-6E36-435B-973A-7835D0983ADF}" dt="2025-05-09T08:24:22.659" v="1826" actId="790"/>
          <ac:spMkLst>
            <pc:docMk/>
            <pc:sldMk cId="616324209" sldId="256"/>
            <ac:spMk id="5" creationId="{EBE0C4A5-D42F-44F1-9F5A-67BBFB530625}"/>
          </ac:spMkLst>
        </pc:spChg>
        <pc:spChg chg="mod">
          <ac:chgData name="Merve Gülmez" userId="3594cd17-5953-4511-8d53-8cfc799250e7" providerId="ADAL" clId="{0EFC41D1-6E36-435B-973A-7835D0983ADF}" dt="2025-05-09T08:24:22.675" v="1827" actId="790"/>
          <ac:spMkLst>
            <pc:docMk/>
            <pc:sldMk cId="616324209" sldId="256"/>
            <ac:spMk id="6" creationId="{DE95ACB9-B873-474F-98C6-A4E2DBDA48CF}"/>
          </ac:spMkLst>
        </pc:spChg>
        <pc:spChg chg="mod">
          <ac:chgData name="Merve Gülmez" userId="3594cd17-5953-4511-8d53-8cfc799250e7" providerId="ADAL" clId="{0EFC41D1-6E36-435B-973A-7835D0983ADF}" dt="2025-05-09T08:24:22.675" v="1828" actId="790"/>
          <ac:spMkLst>
            <pc:docMk/>
            <pc:sldMk cId="616324209" sldId="256"/>
            <ac:spMk id="7" creationId="{2B57716A-DE29-404B-8783-EC5EAC0E6C59}"/>
          </ac:spMkLst>
        </pc:spChg>
        <pc:spChg chg="mod">
          <ac:chgData name="Merve Gülmez" userId="3594cd17-5953-4511-8d53-8cfc799250e7" providerId="ADAL" clId="{0EFC41D1-6E36-435B-973A-7835D0983ADF}" dt="2025-05-09T08:24:22.675" v="1829" actId="790"/>
          <ac:spMkLst>
            <pc:docMk/>
            <pc:sldMk cId="616324209" sldId="256"/>
            <ac:spMk id="8" creationId="{C845FF77-4366-46F5-98BF-D30F6C614057}"/>
          </ac:spMkLst>
        </pc:spChg>
      </pc:sldChg>
      <pc:sldChg chg="modSp add del mod">
        <pc:chgData name="Merve Gülmez" userId="3594cd17-5953-4511-8d53-8cfc799250e7" providerId="ADAL" clId="{0EFC41D1-6E36-435B-973A-7835D0983ADF}" dt="2025-05-09T08:24:22.754" v="1899" actId="790"/>
        <pc:sldMkLst>
          <pc:docMk/>
          <pc:sldMk cId="1383928708" sldId="261"/>
        </pc:sldMkLst>
        <pc:spChg chg="mod">
          <ac:chgData name="Merve Gülmez" userId="3594cd17-5953-4511-8d53-8cfc799250e7" providerId="ADAL" clId="{0EFC41D1-6E36-435B-973A-7835D0983ADF}" dt="2025-05-09T08:24:22.754" v="1899" actId="790"/>
          <ac:spMkLst>
            <pc:docMk/>
            <pc:sldMk cId="1383928708" sldId="261"/>
            <ac:spMk id="4" creationId="{6FF69E04-8523-4965-90ED-73D4F9BAE271}"/>
          </ac:spMkLst>
        </pc:spChg>
      </pc:sldChg>
      <pc:sldChg chg="addSp delSp modSp add del mod modAnim">
        <pc:chgData name="Merve Gülmez" userId="3594cd17-5953-4511-8d53-8cfc799250e7" providerId="ADAL" clId="{0EFC41D1-6E36-435B-973A-7835D0983ADF}" dt="2025-05-07T11:35:13.054" v="876" actId="47"/>
        <pc:sldMkLst>
          <pc:docMk/>
          <pc:sldMk cId="2081229750" sldId="264"/>
        </pc:sldMkLst>
        <pc:spChg chg="add del mod">
          <ac:chgData name="Merve Gülmez" userId="3594cd17-5953-4511-8d53-8cfc799250e7" providerId="ADAL" clId="{0EFC41D1-6E36-435B-973A-7835D0983ADF}" dt="2025-05-07T11:31:27.642" v="848" actId="478"/>
          <ac:spMkLst>
            <pc:docMk/>
            <pc:sldMk cId="2081229750" sldId="264"/>
            <ac:spMk id="2" creationId="{FECCEA90-B97F-C1E8-1D3D-470DFA6BAE93}"/>
          </ac:spMkLst>
        </pc:spChg>
        <pc:spChg chg="mod">
          <ac:chgData name="Merve Gülmez" userId="3594cd17-5953-4511-8d53-8cfc799250e7" providerId="ADAL" clId="{0EFC41D1-6E36-435B-973A-7835D0983ADF}" dt="2025-05-07T11:27:19.033" v="789" actId="13822"/>
          <ac:spMkLst>
            <pc:docMk/>
            <pc:sldMk cId="2081229750" sldId="264"/>
            <ac:spMk id="15" creationId="{E26CAA19-0617-D441-6FF4-646EF9DCC259}"/>
          </ac:spMkLst>
        </pc:spChg>
        <pc:spChg chg="mod">
          <ac:chgData name="Merve Gülmez" userId="3594cd17-5953-4511-8d53-8cfc799250e7" providerId="ADAL" clId="{0EFC41D1-6E36-435B-973A-7835D0983ADF}" dt="2025-05-07T11:31:19.444" v="845" actId="14100"/>
          <ac:spMkLst>
            <pc:docMk/>
            <pc:sldMk cId="2081229750" sldId="264"/>
            <ac:spMk id="87" creationId="{EB22A821-DB56-3348-90F1-50D8D5BB63AF}"/>
          </ac:spMkLst>
        </pc:spChg>
        <pc:spChg chg="mod">
          <ac:chgData name="Merve Gülmez" userId="3594cd17-5953-4511-8d53-8cfc799250e7" providerId="ADAL" clId="{0EFC41D1-6E36-435B-973A-7835D0983ADF}" dt="2025-05-07T11:31:53.876" v="859" actId="1076"/>
          <ac:spMkLst>
            <pc:docMk/>
            <pc:sldMk cId="2081229750" sldId="264"/>
            <ac:spMk id="94" creationId="{4F44EE39-0035-B39C-0553-9F13F0BDA16D}"/>
          </ac:spMkLst>
        </pc:spChg>
      </pc:sldChg>
      <pc:sldChg chg="del">
        <pc:chgData name="Merve Gülmez" userId="3594cd17-5953-4511-8d53-8cfc799250e7" providerId="ADAL" clId="{0EFC41D1-6E36-435B-973A-7835D0983ADF}" dt="2025-05-09T08:02:13.179" v="1731" actId="47"/>
        <pc:sldMkLst>
          <pc:docMk/>
          <pc:sldMk cId="2230748882" sldId="271"/>
        </pc:sldMkLst>
      </pc:sldChg>
      <pc:sldChg chg="addSp delSp modSp mod delAnim modAnim">
        <pc:chgData name="Merve Gülmez" userId="3594cd17-5953-4511-8d53-8cfc799250e7" providerId="ADAL" clId="{0EFC41D1-6E36-435B-973A-7835D0983ADF}" dt="2025-05-09T08:24:22.747" v="1896" actId="790"/>
        <pc:sldMkLst>
          <pc:docMk/>
          <pc:sldMk cId="501534412" sldId="628"/>
        </pc:sldMkLst>
        <pc:spChg chg="mod">
          <ac:chgData name="Merve Gülmez" userId="3594cd17-5953-4511-8d53-8cfc799250e7" providerId="ADAL" clId="{0EFC41D1-6E36-435B-973A-7835D0983ADF}" dt="2025-05-09T08:24:22.747" v="1894" actId="790"/>
          <ac:spMkLst>
            <pc:docMk/>
            <pc:sldMk cId="501534412" sldId="628"/>
            <ac:spMk id="2" creationId="{CA4AC9DF-FDFB-2534-10CE-C74760355130}"/>
          </ac:spMkLst>
        </pc:spChg>
        <pc:spChg chg="mod">
          <ac:chgData name="Merve Gülmez" userId="3594cd17-5953-4511-8d53-8cfc799250e7" providerId="ADAL" clId="{0EFC41D1-6E36-435B-973A-7835D0983ADF}" dt="2025-05-09T08:24:22.747" v="1895"/>
          <ac:spMkLst>
            <pc:docMk/>
            <pc:sldMk cId="501534412" sldId="628"/>
            <ac:spMk id="3" creationId="{F47B2CDD-E3DF-6FDF-00D5-C9FC44DFC8DB}"/>
          </ac:spMkLst>
        </pc:spChg>
        <pc:spChg chg="mod">
          <ac:chgData name="Merve Gülmez" userId="3594cd17-5953-4511-8d53-8cfc799250e7" providerId="ADAL" clId="{0EFC41D1-6E36-435B-973A-7835D0983ADF}" dt="2025-05-09T08:24:22.747" v="1896" actId="790"/>
          <ac:spMkLst>
            <pc:docMk/>
            <pc:sldMk cId="501534412" sldId="628"/>
            <ac:spMk id="6" creationId="{B86237AD-3A32-D15D-B496-B65EE6EA0365}"/>
          </ac:spMkLst>
        </pc:spChg>
        <pc:spChg chg="add del mod">
          <ac:chgData name="Merve Gülmez" userId="3594cd17-5953-4511-8d53-8cfc799250e7" providerId="ADAL" clId="{0EFC41D1-6E36-435B-973A-7835D0983ADF}" dt="2025-05-08T20:05:18.970" v="1172" actId="478"/>
          <ac:spMkLst>
            <pc:docMk/>
            <pc:sldMk cId="501534412" sldId="628"/>
            <ac:spMk id="7" creationId="{6840DE88-C67D-844C-3E95-523CEE9A7130}"/>
          </ac:spMkLst>
        </pc:spChg>
        <pc:spChg chg="add del mod">
          <ac:chgData name="Merve Gülmez" userId="3594cd17-5953-4511-8d53-8cfc799250e7" providerId="ADAL" clId="{0EFC41D1-6E36-435B-973A-7835D0983ADF}" dt="2025-05-08T20:05:18.970" v="1172" actId="478"/>
          <ac:spMkLst>
            <pc:docMk/>
            <pc:sldMk cId="501534412" sldId="628"/>
            <ac:spMk id="8" creationId="{8709F9FA-478F-1738-80DB-5FE332F0F06F}"/>
          </ac:spMkLst>
        </pc:spChg>
        <pc:spChg chg="add del mod">
          <ac:chgData name="Merve Gülmez" userId="3594cd17-5953-4511-8d53-8cfc799250e7" providerId="ADAL" clId="{0EFC41D1-6E36-435B-973A-7835D0983ADF}" dt="2025-05-08T20:05:18.970" v="1172" actId="478"/>
          <ac:spMkLst>
            <pc:docMk/>
            <pc:sldMk cId="501534412" sldId="628"/>
            <ac:spMk id="10" creationId="{B45DCEE1-A5A5-77FB-3515-D6CAAF5495B5}"/>
          </ac:spMkLst>
        </pc:spChg>
        <pc:spChg chg="add del mod">
          <ac:chgData name="Merve Gülmez" userId="3594cd17-5953-4511-8d53-8cfc799250e7" providerId="ADAL" clId="{0EFC41D1-6E36-435B-973A-7835D0983ADF}" dt="2025-05-08T20:05:18.970" v="1172" actId="478"/>
          <ac:spMkLst>
            <pc:docMk/>
            <pc:sldMk cId="501534412" sldId="628"/>
            <ac:spMk id="11" creationId="{31B7AFF0-19D1-CA62-C4DE-EEC521E9D138}"/>
          </ac:spMkLst>
        </pc:spChg>
        <pc:spChg chg="add del mod">
          <ac:chgData name="Merve Gülmez" userId="3594cd17-5953-4511-8d53-8cfc799250e7" providerId="ADAL" clId="{0EFC41D1-6E36-435B-973A-7835D0983ADF}" dt="2025-05-08T20:06:02.933" v="1180" actId="478"/>
          <ac:spMkLst>
            <pc:docMk/>
            <pc:sldMk cId="501534412" sldId="628"/>
            <ac:spMk id="13" creationId="{F4DB66DA-9194-A383-641B-F79C1AE00AA1}"/>
          </ac:spMkLst>
        </pc:spChg>
        <pc:spChg chg="add del mod">
          <ac:chgData name="Merve Gülmez" userId="3594cd17-5953-4511-8d53-8cfc799250e7" providerId="ADAL" clId="{0EFC41D1-6E36-435B-973A-7835D0983ADF}" dt="2025-05-08T20:06:02.933" v="1180" actId="478"/>
          <ac:spMkLst>
            <pc:docMk/>
            <pc:sldMk cId="501534412" sldId="628"/>
            <ac:spMk id="14" creationId="{02A18762-C318-D110-77B7-43BA22BB3B2D}"/>
          </ac:spMkLst>
        </pc:spChg>
        <pc:spChg chg="add del mod">
          <ac:chgData name="Merve Gülmez" userId="3594cd17-5953-4511-8d53-8cfc799250e7" providerId="ADAL" clId="{0EFC41D1-6E36-435B-973A-7835D0983ADF}" dt="2025-05-08T20:06:06.196" v="1181" actId="478"/>
          <ac:spMkLst>
            <pc:docMk/>
            <pc:sldMk cId="501534412" sldId="628"/>
            <ac:spMk id="16" creationId="{57ABC0DF-1482-F593-37E8-04895DF29EE4}"/>
          </ac:spMkLst>
        </pc:spChg>
        <pc:spChg chg="add del mod">
          <ac:chgData name="Merve Gülmez" userId="3594cd17-5953-4511-8d53-8cfc799250e7" providerId="ADAL" clId="{0EFC41D1-6E36-435B-973A-7835D0983ADF}" dt="2025-05-08T20:06:06.196" v="1181" actId="478"/>
          <ac:spMkLst>
            <pc:docMk/>
            <pc:sldMk cId="501534412" sldId="628"/>
            <ac:spMk id="17" creationId="{DD8A3EC6-3822-FCC0-8054-20E84A1E7276}"/>
          </ac:spMkLst>
        </pc:spChg>
        <pc:spChg chg="add del mod">
          <ac:chgData name="Merve Gülmez" userId="3594cd17-5953-4511-8d53-8cfc799250e7" providerId="ADAL" clId="{0EFC41D1-6E36-435B-973A-7835D0983ADF}" dt="2025-05-08T20:06:50.624" v="1189" actId="478"/>
          <ac:spMkLst>
            <pc:docMk/>
            <pc:sldMk cId="501534412" sldId="628"/>
            <ac:spMk id="19" creationId="{A9884A8B-EC72-7012-3DB8-4B4366C5C1DB}"/>
          </ac:spMkLst>
        </pc:spChg>
        <pc:spChg chg="add del mod">
          <ac:chgData name="Merve Gülmez" userId="3594cd17-5953-4511-8d53-8cfc799250e7" providerId="ADAL" clId="{0EFC41D1-6E36-435B-973A-7835D0983ADF}" dt="2025-05-08T20:06:58.715" v="1190" actId="478"/>
          <ac:spMkLst>
            <pc:docMk/>
            <pc:sldMk cId="501534412" sldId="628"/>
            <ac:spMk id="20" creationId="{E13D9B0F-4298-A5A7-3470-A1606D626492}"/>
          </ac:spMkLst>
        </pc:spChg>
        <pc:graphicFrameChg chg="del mod modGraphic">
          <ac:chgData name="Merve Gülmez" userId="3594cd17-5953-4511-8d53-8cfc799250e7" providerId="ADAL" clId="{0EFC41D1-6E36-435B-973A-7835D0983ADF}" dt="2025-05-08T19:50:26.016" v="1132" actId="478"/>
          <ac:graphicFrameMkLst>
            <pc:docMk/>
            <pc:sldMk cId="501534412" sldId="628"/>
            <ac:graphicFrameMk id="4" creationId="{198CA663-5C88-D8F2-51BB-6D3F28B5F3C1}"/>
          </ac:graphicFrameMkLst>
        </pc:graphicFrameChg>
        <pc:graphicFrameChg chg="add del mod">
          <ac:chgData name="Merve Gülmez" userId="3594cd17-5953-4511-8d53-8cfc799250e7" providerId="ADAL" clId="{0EFC41D1-6E36-435B-973A-7835D0983ADF}" dt="2025-05-08T20:05:18.970" v="1172" actId="478"/>
          <ac:graphicFrameMkLst>
            <pc:docMk/>
            <pc:sldMk cId="501534412" sldId="628"/>
            <ac:graphicFrameMk id="5" creationId="{6401CF92-2F3F-718A-2E8E-077DF8890EB5}"/>
          </ac:graphicFrameMkLst>
        </pc:graphicFrameChg>
        <pc:graphicFrameChg chg="add del mod">
          <ac:chgData name="Merve Gülmez" userId="3594cd17-5953-4511-8d53-8cfc799250e7" providerId="ADAL" clId="{0EFC41D1-6E36-435B-973A-7835D0983ADF}" dt="2025-05-08T20:05:18.970" v="1172" actId="478"/>
          <ac:graphicFrameMkLst>
            <pc:docMk/>
            <pc:sldMk cId="501534412" sldId="628"/>
            <ac:graphicFrameMk id="9" creationId="{F297A3CE-1DFB-2D02-4524-C22924DCBD5B}"/>
          </ac:graphicFrameMkLst>
        </pc:graphicFrameChg>
        <pc:graphicFrameChg chg="add del mod">
          <ac:chgData name="Merve Gülmez" userId="3594cd17-5953-4511-8d53-8cfc799250e7" providerId="ADAL" clId="{0EFC41D1-6E36-435B-973A-7835D0983ADF}" dt="2025-05-08T20:06:02.933" v="1180" actId="478"/>
          <ac:graphicFrameMkLst>
            <pc:docMk/>
            <pc:sldMk cId="501534412" sldId="628"/>
            <ac:graphicFrameMk id="12" creationId="{C922CCDA-F0F8-A824-4EF6-B4043F0A849F}"/>
          </ac:graphicFrameMkLst>
        </pc:graphicFrameChg>
        <pc:graphicFrameChg chg="add del mod">
          <ac:chgData name="Merve Gülmez" userId="3594cd17-5953-4511-8d53-8cfc799250e7" providerId="ADAL" clId="{0EFC41D1-6E36-435B-973A-7835D0983ADF}" dt="2025-05-08T20:06:06.196" v="1181" actId="478"/>
          <ac:graphicFrameMkLst>
            <pc:docMk/>
            <pc:sldMk cId="501534412" sldId="628"/>
            <ac:graphicFrameMk id="15" creationId="{347D9234-40BB-DC47-7ED0-7A303BD320B7}"/>
          </ac:graphicFrameMkLst>
        </pc:graphicFrameChg>
        <pc:graphicFrameChg chg="add mod modGraphic">
          <ac:chgData name="Merve Gülmez" userId="3594cd17-5953-4511-8d53-8cfc799250e7" providerId="ADAL" clId="{0EFC41D1-6E36-435B-973A-7835D0983ADF}" dt="2025-05-09T07:47:11.984" v="1539" actId="207"/>
          <ac:graphicFrameMkLst>
            <pc:docMk/>
            <pc:sldMk cId="501534412" sldId="628"/>
            <ac:graphicFrameMk id="18" creationId="{C6398831-79B4-4410-8B1B-8C11A3ACF9D8}"/>
          </ac:graphicFrameMkLst>
        </pc:graphicFrameChg>
      </pc:sldChg>
      <pc:sldChg chg="del mod ord modShow">
        <pc:chgData name="Merve Gülmez" userId="3594cd17-5953-4511-8d53-8cfc799250e7" providerId="ADAL" clId="{0EFC41D1-6E36-435B-973A-7835D0983ADF}" dt="2025-05-09T08:02:25.056" v="1736" actId="47"/>
        <pc:sldMkLst>
          <pc:docMk/>
          <pc:sldMk cId="3351817516" sldId="634"/>
        </pc:sldMkLst>
      </pc:sldChg>
      <pc:sldChg chg="modSp mod">
        <pc:chgData name="Merve Gülmez" userId="3594cd17-5953-4511-8d53-8cfc799250e7" providerId="ADAL" clId="{0EFC41D1-6E36-435B-973A-7835D0983ADF}" dt="2025-05-09T08:24:22.707" v="1858" actId="790"/>
        <pc:sldMkLst>
          <pc:docMk/>
          <pc:sldMk cId="2573947603" sldId="644"/>
        </pc:sldMkLst>
        <pc:spChg chg="mod">
          <ac:chgData name="Merve Gülmez" userId="3594cd17-5953-4511-8d53-8cfc799250e7" providerId="ADAL" clId="{0EFC41D1-6E36-435B-973A-7835D0983ADF}" dt="2025-05-09T08:24:22.707" v="1857" actId="790"/>
          <ac:spMkLst>
            <pc:docMk/>
            <pc:sldMk cId="2573947603" sldId="644"/>
            <ac:spMk id="2" creationId="{3978A72A-2BA1-7506-943E-D4AD4FC6F73D}"/>
          </ac:spMkLst>
        </pc:spChg>
        <pc:spChg chg="mod">
          <ac:chgData name="Merve Gülmez" userId="3594cd17-5953-4511-8d53-8cfc799250e7" providerId="ADAL" clId="{0EFC41D1-6E36-435B-973A-7835D0983ADF}" dt="2025-05-09T08:24:22.707" v="1858" actId="790"/>
          <ac:spMkLst>
            <pc:docMk/>
            <pc:sldMk cId="2573947603" sldId="644"/>
            <ac:spMk id="3" creationId="{D6CD512F-7A12-A1A9-5492-DDD5DDFC6FF5}"/>
          </ac:spMkLst>
        </pc:spChg>
      </pc:sldChg>
      <pc:sldChg chg="addSp delSp modSp mod ord modAnim">
        <pc:chgData name="Merve Gülmez" userId="3594cd17-5953-4511-8d53-8cfc799250e7" providerId="ADAL" clId="{0EFC41D1-6E36-435B-973A-7835D0983ADF}" dt="2025-05-09T08:24:22.707" v="1856" actId="790"/>
        <pc:sldMkLst>
          <pc:docMk/>
          <pc:sldMk cId="118702118" sldId="645"/>
        </pc:sldMkLst>
        <pc:spChg chg="mod">
          <ac:chgData name="Merve Gülmez" userId="3594cd17-5953-4511-8d53-8cfc799250e7" providerId="ADAL" clId="{0EFC41D1-6E36-435B-973A-7835D0983ADF}" dt="2025-05-09T08:24:22.691" v="1853" actId="790"/>
          <ac:spMkLst>
            <pc:docMk/>
            <pc:sldMk cId="118702118" sldId="645"/>
            <ac:spMk id="2" creationId="{0128A1DE-ACC0-A838-31C4-E9C4D17CAD9B}"/>
          </ac:spMkLst>
        </pc:spChg>
        <pc:spChg chg="mod">
          <ac:chgData name="Merve Gülmez" userId="3594cd17-5953-4511-8d53-8cfc799250e7" providerId="ADAL" clId="{0EFC41D1-6E36-435B-973A-7835D0983ADF}" dt="2025-05-09T08:24:22.691" v="1854" actId="790"/>
          <ac:spMkLst>
            <pc:docMk/>
            <pc:sldMk cId="118702118" sldId="645"/>
            <ac:spMk id="3" creationId="{7307E4DD-F548-8C63-B6B3-C3C8BA0772A2}"/>
          </ac:spMkLst>
        </pc:spChg>
        <pc:spChg chg="add del mod">
          <ac:chgData name="Merve Gülmez" userId="3594cd17-5953-4511-8d53-8cfc799250e7" providerId="ADAL" clId="{0EFC41D1-6E36-435B-973A-7835D0983ADF}" dt="2025-05-06T09:01:10.047" v="625" actId="478"/>
          <ac:spMkLst>
            <pc:docMk/>
            <pc:sldMk cId="118702118" sldId="645"/>
            <ac:spMk id="5" creationId="{28DD5C19-8DFD-F3F5-E97A-95958BED1F4C}"/>
          </ac:spMkLst>
        </pc:spChg>
        <pc:spChg chg="add mod">
          <ac:chgData name="Merve Gülmez" userId="3594cd17-5953-4511-8d53-8cfc799250e7" providerId="ADAL" clId="{0EFC41D1-6E36-435B-973A-7835D0983ADF}" dt="2025-05-09T08:24:22.706" v="1855" actId="790"/>
          <ac:spMkLst>
            <pc:docMk/>
            <pc:sldMk cId="118702118" sldId="645"/>
            <ac:spMk id="6" creationId="{250D9FD0-1148-D2E8-3356-77DB2894F7A1}"/>
          </ac:spMkLst>
        </pc:spChg>
        <pc:spChg chg="add mod">
          <ac:chgData name="Merve Gülmez" userId="3594cd17-5953-4511-8d53-8cfc799250e7" providerId="ADAL" clId="{0EFC41D1-6E36-435B-973A-7835D0983ADF}" dt="2025-05-09T08:24:22.707" v="1856" actId="790"/>
          <ac:spMkLst>
            <pc:docMk/>
            <pc:sldMk cId="118702118" sldId="645"/>
            <ac:spMk id="7" creationId="{CCDA7DD8-2CAF-0E5C-3E95-6CBF296D3F45}"/>
          </ac:spMkLst>
        </pc:spChg>
        <pc:spChg chg="mod">
          <ac:chgData name="Merve Gülmez" userId="3594cd17-5953-4511-8d53-8cfc799250e7" providerId="ADAL" clId="{0EFC41D1-6E36-435B-973A-7835D0983ADF}" dt="2025-05-07T11:17:55.766" v="774"/>
          <ac:spMkLst>
            <pc:docMk/>
            <pc:sldMk cId="118702118" sldId="645"/>
            <ac:spMk id="9" creationId="{9928F532-C9C4-83D3-5BBD-E2DAF716D716}"/>
          </ac:spMkLst>
        </pc:spChg>
        <pc:spChg chg="mod">
          <ac:chgData name="Merve Gülmez" userId="3594cd17-5953-4511-8d53-8cfc799250e7" providerId="ADAL" clId="{0EFC41D1-6E36-435B-973A-7835D0983ADF}" dt="2025-05-07T11:17:55.766" v="774"/>
          <ac:spMkLst>
            <pc:docMk/>
            <pc:sldMk cId="118702118" sldId="645"/>
            <ac:spMk id="10" creationId="{633196E3-F237-29C8-4BB4-BFC6171041EF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11" creationId="{BA1E9ADD-DDED-DC43-782E-2C25E8460CFB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13" creationId="{454C8CF4-EAE1-C80E-CFD5-64CFFC38FAE7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16" creationId="{FB22F05A-883B-FAD2-39FF-D3B015790374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17" creationId="{A19867FD-1BA5-9559-45C6-98A0B6FEEDAA}"/>
          </ac:spMkLst>
        </pc:spChg>
        <pc:spChg chg="add mod">
          <ac:chgData name="Merve Gülmez" userId="3594cd17-5953-4511-8d53-8cfc799250e7" providerId="ADAL" clId="{0EFC41D1-6E36-435B-973A-7835D0983ADF}" dt="2025-05-07T11:17:55.766" v="774"/>
          <ac:spMkLst>
            <pc:docMk/>
            <pc:sldMk cId="118702118" sldId="645"/>
            <ac:spMk id="19" creationId="{389DDDBE-DAD0-3405-52B5-32DE46DD5F25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20" creationId="{F65BF31E-96A6-E50E-65A7-C174718FDFED}"/>
          </ac:spMkLst>
        </pc:spChg>
        <pc:spChg chg="add mod">
          <ac:chgData name="Merve Gülmez" userId="3594cd17-5953-4511-8d53-8cfc799250e7" providerId="ADAL" clId="{0EFC41D1-6E36-435B-973A-7835D0983ADF}" dt="2025-05-07T11:17:55.766" v="774"/>
          <ac:spMkLst>
            <pc:docMk/>
            <pc:sldMk cId="118702118" sldId="645"/>
            <ac:spMk id="21" creationId="{963A008C-9E0E-C90F-EF5A-E61A45B51F89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22" creationId="{F00E94D7-6F8C-E2E5-6B38-D5B12801014F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23" creationId="{F953174D-B84D-E2DC-CCC5-19150DC58579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24" creationId="{C6C064A7-EFA2-3C62-E768-8B93C047EAFB}"/>
          </ac:spMkLst>
        </pc:spChg>
        <pc:spChg chg="add mod">
          <ac:chgData name="Merve Gülmez" userId="3594cd17-5953-4511-8d53-8cfc799250e7" providerId="ADAL" clId="{0EFC41D1-6E36-435B-973A-7835D0983ADF}" dt="2025-05-07T11:17:55.766" v="774"/>
          <ac:spMkLst>
            <pc:docMk/>
            <pc:sldMk cId="118702118" sldId="645"/>
            <ac:spMk id="25" creationId="{1767851A-A294-0E2C-D8F3-B9B16C57951B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26" creationId="{7512B33E-CA62-813E-7D38-B77BCCDB7270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27" creationId="{8C74A7AD-4032-BE5C-5155-728F176EFE57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28" creationId="{1FF71311-9AF5-C6B4-3DB7-51A2B930E18E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32" creationId="{1F659321-D986-F2A1-D255-6D43D0B70476}"/>
          </ac:spMkLst>
        </pc:spChg>
        <pc:spChg chg="add mod">
          <ac:chgData name="Merve Gülmez" userId="3594cd17-5953-4511-8d53-8cfc799250e7" providerId="ADAL" clId="{0EFC41D1-6E36-435B-973A-7835D0983ADF}" dt="2025-05-07T11:18:17.967" v="776" actId="1076"/>
          <ac:spMkLst>
            <pc:docMk/>
            <pc:sldMk cId="118702118" sldId="645"/>
            <ac:spMk id="33" creationId="{4C972582-5B3C-6CAE-8826-D768D2A711BF}"/>
          </ac:spMkLst>
        </pc:spChg>
        <pc:spChg chg="mod">
          <ac:chgData name="Merve Gülmez" userId="3594cd17-5953-4511-8d53-8cfc799250e7" providerId="ADAL" clId="{0EFC41D1-6E36-435B-973A-7835D0983ADF}" dt="2025-05-07T11:18:21.031" v="778"/>
          <ac:spMkLst>
            <pc:docMk/>
            <pc:sldMk cId="118702118" sldId="645"/>
            <ac:spMk id="35" creationId="{2A5D6EB8-CC19-32DA-1B12-FA79F3671946}"/>
          </ac:spMkLst>
        </pc:spChg>
        <pc:spChg chg="mod">
          <ac:chgData name="Merve Gülmez" userId="3594cd17-5953-4511-8d53-8cfc799250e7" providerId="ADAL" clId="{0EFC41D1-6E36-435B-973A-7835D0983ADF}" dt="2025-05-07T11:18:21.031" v="778"/>
          <ac:spMkLst>
            <pc:docMk/>
            <pc:sldMk cId="118702118" sldId="645"/>
            <ac:spMk id="36" creationId="{A0AB6E38-FBFB-3C6D-0E31-2428456C160F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37" creationId="{AB1414DD-DB96-63C3-CCB5-2348099A0B30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39" creationId="{F3D830C4-1103-A917-5E88-0EE4EE46723C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42" creationId="{C3270B9A-4143-E5F5-1417-EDEAFA5AFF2C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43" creationId="{3BDD4C8E-B057-6771-3DBF-618923A079F2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45" creationId="{25FA9A9C-F784-6CED-30A0-F3589044C07E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46" creationId="{014C5AA1-85BB-788D-C2C2-9B61E015EFE8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47" creationId="{950567FD-A07C-CB70-5FF1-48A41A25F3B6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48" creationId="{4FBF04D1-BA6C-797D-489C-FE323F32C372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49" creationId="{DB3EB152-0B91-962F-B122-6A5B9393FEE4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50" creationId="{4D2834F1-F653-659B-CF1B-A248A6B8D89E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51" creationId="{D7C2D906-CEEA-1B62-2E72-FCBB365DE084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52" creationId="{17220423-459E-7258-6913-33A159132529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53" creationId="{C807F578-FD1E-CA2E-D539-3742A19E79F8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54" creationId="{7C9F165D-F005-E4FE-D78C-646A1379199C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58" creationId="{973C4AC5-CEBF-9562-C8AA-5E92AAA6BE0A}"/>
          </ac:spMkLst>
        </pc:spChg>
        <pc:spChg chg="add mod">
          <ac:chgData name="Merve Gülmez" userId="3594cd17-5953-4511-8d53-8cfc799250e7" providerId="ADAL" clId="{0EFC41D1-6E36-435B-973A-7835D0983ADF}" dt="2025-05-07T11:18:29.137" v="780" actId="14100"/>
          <ac:spMkLst>
            <pc:docMk/>
            <pc:sldMk cId="118702118" sldId="645"/>
            <ac:spMk id="59" creationId="{76AD2A76-3E1F-5233-46D5-6B1D24BFB86D}"/>
          </ac:spMkLst>
        </pc:spChg>
        <pc:spChg chg="add del mod">
          <ac:chgData name="Merve Gülmez" userId="3594cd17-5953-4511-8d53-8cfc799250e7" providerId="ADAL" clId="{0EFC41D1-6E36-435B-973A-7835D0983ADF}" dt="2025-05-07T11:30:58.337" v="834" actId="478"/>
          <ac:spMkLst>
            <pc:docMk/>
            <pc:sldMk cId="118702118" sldId="645"/>
            <ac:spMk id="67" creationId="{E0A179A1-7F68-4C42-A126-74D3BE4B2F16}"/>
          </ac:spMkLst>
        </pc:spChg>
        <pc:grpChg chg="add mod">
          <ac:chgData name="Merve Gülmez" userId="3594cd17-5953-4511-8d53-8cfc799250e7" providerId="ADAL" clId="{0EFC41D1-6E36-435B-973A-7835D0983ADF}" dt="2025-05-07T11:18:17.967" v="776" actId="1076"/>
          <ac:grpSpMkLst>
            <pc:docMk/>
            <pc:sldMk cId="118702118" sldId="645"/>
            <ac:grpSpMk id="8" creationId="{82553F29-DA99-C6D5-DFF1-74700BF195DF}"/>
          </ac:grpSpMkLst>
        </pc:grpChg>
        <pc:grpChg chg="add mod">
          <ac:chgData name="Merve Gülmez" userId="3594cd17-5953-4511-8d53-8cfc799250e7" providerId="ADAL" clId="{0EFC41D1-6E36-435B-973A-7835D0983ADF}" dt="2025-05-07T11:18:29.137" v="780" actId="14100"/>
          <ac:grpSpMkLst>
            <pc:docMk/>
            <pc:sldMk cId="118702118" sldId="645"/>
            <ac:grpSpMk id="34" creationId="{F70A212F-8725-5EDB-0C45-B1F067F366E7}"/>
          </ac:grpSpMkLst>
        </pc:grpChg>
        <pc:picChg chg="add del mod">
          <ac:chgData name="Merve Gülmez" userId="3594cd17-5953-4511-8d53-8cfc799250e7" providerId="ADAL" clId="{0EFC41D1-6E36-435B-973A-7835D0983ADF}" dt="2025-05-07T11:27:53.383" v="790" actId="478"/>
          <ac:picMkLst>
            <pc:docMk/>
            <pc:sldMk cId="118702118" sldId="645"/>
            <ac:picMk id="4" creationId="{3EB47A79-E62B-3985-802D-119933B22A47}"/>
          </ac:picMkLst>
        </pc:picChg>
        <pc:picChg chg="add mod">
          <ac:chgData name="Merve Gülmez" userId="3594cd17-5953-4511-8d53-8cfc799250e7" providerId="ADAL" clId="{0EFC41D1-6E36-435B-973A-7835D0983ADF}" dt="2025-05-07T11:28:03.382" v="793" actId="1076"/>
          <ac:picMkLst>
            <pc:docMk/>
            <pc:sldMk cId="118702118" sldId="645"/>
            <ac:picMk id="64" creationId="{95AFE6E2-4AB9-056C-5F9C-30D3415823B8}"/>
          </ac:picMkLst>
        </pc:picChg>
        <pc:picChg chg="add del mod">
          <ac:chgData name="Merve Gülmez" userId="3594cd17-5953-4511-8d53-8cfc799250e7" providerId="ADAL" clId="{0EFC41D1-6E36-435B-973A-7835D0983ADF}" dt="2025-05-07T11:32:10.143" v="860" actId="478"/>
          <ac:picMkLst>
            <pc:docMk/>
            <pc:sldMk cId="118702118" sldId="645"/>
            <ac:picMk id="65" creationId="{988BCAD4-4E33-6C52-DE7A-A7A16DDF6984}"/>
          </ac:picMkLst>
        </pc:picChg>
        <pc:picChg chg="add mod">
          <ac:chgData name="Merve Gülmez" userId="3594cd17-5953-4511-8d53-8cfc799250e7" providerId="ADAL" clId="{0EFC41D1-6E36-435B-973A-7835D0983ADF}" dt="2025-05-07T11:28:38.331" v="798" actId="571"/>
          <ac:picMkLst>
            <pc:docMk/>
            <pc:sldMk cId="118702118" sldId="645"/>
            <ac:picMk id="66" creationId="{60DBD6BF-B061-5431-EB37-5E93C1F8884D}"/>
          </ac:picMkLst>
        </pc:picChg>
        <pc:picChg chg="add del mod">
          <ac:chgData name="Merve Gülmez" userId="3594cd17-5953-4511-8d53-8cfc799250e7" providerId="ADAL" clId="{0EFC41D1-6E36-435B-973A-7835D0983ADF}" dt="2025-05-08T07:44:31.547" v="1127" actId="478"/>
          <ac:picMkLst>
            <pc:docMk/>
            <pc:sldMk cId="118702118" sldId="645"/>
            <ac:picMk id="68" creationId="{BC292D64-4DA7-F0CD-1BF1-53460CD896E7}"/>
          </ac:picMkLst>
        </pc:picChg>
        <pc:picChg chg="add mod">
          <ac:chgData name="Merve Gülmez" userId="3594cd17-5953-4511-8d53-8cfc799250e7" providerId="ADAL" clId="{0EFC41D1-6E36-435B-973A-7835D0983ADF}" dt="2025-05-08T07:44:52.956" v="1131" actId="1076"/>
          <ac:picMkLst>
            <pc:docMk/>
            <pc:sldMk cId="118702118" sldId="645"/>
            <ac:picMk id="69" creationId="{C9FCECBC-56BB-0EA3-F768-69F1B2240ED0}"/>
          </ac:picMkLst>
        </pc:picChg>
        <pc:cxnChg chg="add mod">
          <ac:chgData name="Merve Gülmez" userId="3594cd17-5953-4511-8d53-8cfc799250e7" providerId="ADAL" clId="{0EFC41D1-6E36-435B-973A-7835D0983ADF}" dt="2025-05-07T11:18:17.967" v="776" actId="1076"/>
          <ac:cxnSpMkLst>
            <pc:docMk/>
            <pc:sldMk cId="118702118" sldId="645"/>
            <ac:cxnSpMk id="12" creationId="{25B1B57D-7FF5-0AC0-C009-596644E9B011}"/>
          </ac:cxnSpMkLst>
        </pc:cxnChg>
        <pc:cxnChg chg="add mod">
          <ac:chgData name="Merve Gülmez" userId="3594cd17-5953-4511-8d53-8cfc799250e7" providerId="ADAL" clId="{0EFC41D1-6E36-435B-973A-7835D0983ADF}" dt="2025-05-07T11:18:17.967" v="776" actId="1076"/>
          <ac:cxnSpMkLst>
            <pc:docMk/>
            <pc:sldMk cId="118702118" sldId="645"/>
            <ac:cxnSpMk id="14" creationId="{D9DCF595-0A99-5C7E-1F15-716064C4FAC4}"/>
          </ac:cxnSpMkLst>
        </pc:cxnChg>
        <pc:cxnChg chg="add mod">
          <ac:chgData name="Merve Gülmez" userId="3594cd17-5953-4511-8d53-8cfc799250e7" providerId="ADAL" clId="{0EFC41D1-6E36-435B-973A-7835D0983ADF}" dt="2025-05-07T11:18:17.967" v="776" actId="1076"/>
          <ac:cxnSpMkLst>
            <pc:docMk/>
            <pc:sldMk cId="118702118" sldId="645"/>
            <ac:cxnSpMk id="15" creationId="{8A508C0D-4D9E-1DC3-D1BA-5DECF589D0AC}"/>
          </ac:cxnSpMkLst>
        </pc:cxnChg>
        <pc:cxnChg chg="add mod">
          <ac:chgData name="Merve Gülmez" userId="3594cd17-5953-4511-8d53-8cfc799250e7" providerId="ADAL" clId="{0EFC41D1-6E36-435B-973A-7835D0983ADF}" dt="2025-05-07T11:18:17.967" v="776" actId="1076"/>
          <ac:cxnSpMkLst>
            <pc:docMk/>
            <pc:sldMk cId="118702118" sldId="645"/>
            <ac:cxnSpMk id="18" creationId="{94171610-1C0D-10E3-49E5-E38C99EA3388}"/>
          </ac:cxnSpMkLst>
        </pc:cxnChg>
        <pc:cxnChg chg="add mod">
          <ac:chgData name="Merve Gülmez" userId="3594cd17-5953-4511-8d53-8cfc799250e7" providerId="ADAL" clId="{0EFC41D1-6E36-435B-973A-7835D0983ADF}" dt="2025-05-07T11:18:17.967" v="776" actId="1076"/>
          <ac:cxnSpMkLst>
            <pc:docMk/>
            <pc:sldMk cId="118702118" sldId="645"/>
            <ac:cxnSpMk id="29" creationId="{F8210BFB-6E22-F9B6-23E6-56AAEC90BB05}"/>
          </ac:cxnSpMkLst>
        </pc:cxnChg>
        <pc:cxnChg chg="add mod">
          <ac:chgData name="Merve Gülmez" userId="3594cd17-5953-4511-8d53-8cfc799250e7" providerId="ADAL" clId="{0EFC41D1-6E36-435B-973A-7835D0983ADF}" dt="2025-05-07T11:18:17.967" v="776" actId="1076"/>
          <ac:cxnSpMkLst>
            <pc:docMk/>
            <pc:sldMk cId="118702118" sldId="645"/>
            <ac:cxnSpMk id="30" creationId="{7F282B8B-4734-3741-7253-84CCE2ED4200}"/>
          </ac:cxnSpMkLst>
        </pc:cxnChg>
        <pc:cxnChg chg="add mod">
          <ac:chgData name="Merve Gülmez" userId="3594cd17-5953-4511-8d53-8cfc799250e7" providerId="ADAL" clId="{0EFC41D1-6E36-435B-973A-7835D0983ADF}" dt="2025-05-07T11:18:17.967" v="776" actId="1076"/>
          <ac:cxnSpMkLst>
            <pc:docMk/>
            <pc:sldMk cId="118702118" sldId="645"/>
            <ac:cxnSpMk id="31" creationId="{E471C609-179E-8D8B-27F1-ED8E867EC9E0}"/>
          </ac:cxnSpMkLst>
        </pc:cxnChg>
        <pc:cxnChg chg="add mod">
          <ac:chgData name="Merve Gülmez" userId="3594cd17-5953-4511-8d53-8cfc799250e7" providerId="ADAL" clId="{0EFC41D1-6E36-435B-973A-7835D0983ADF}" dt="2025-05-07T11:18:29.137" v="780" actId="14100"/>
          <ac:cxnSpMkLst>
            <pc:docMk/>
            <pc:sldMk cId="118702118" sldId="645"/>
            <ac:cxnSpMk id="38" creationId="{C1CB16A5-8130-9BD7-CD9F-692FE9D93EB8}"/>
          </ac:cxnSpMkLst>
        </pc:cxnChg>
        <pc:cxnChg chg="add mod">
          <ac:chgData name="Merve Gülmez" userId="3594cd17-5953-4511-8d53-8cfc799250e7" providerId="ADAL" clId="{0EFC41D1-6E36-435B-973A-7835D0983ADF}" dt="2025-05-07T11:18:29.137" v="780" actId="14100"/>
          <ac:cxnSpMkLst>
            <pc:docMk/>
            <pc:sldMk cId="118702118" sldId="645"/>
            <ac:cxnSpMk id="40" creationId="{530C5C52-F33D-3598-8964-88CD3393E95D}"/>
          </ac:cxnSpMkLst>
        </pc:cxnChg>
        <pc:cxnChg chg="add mod">
          <ac:chgData name="Merve Gülmez" userId="3594cd17-5953-4511-8d53-8cfc799250e7" providerId="ADAL" clId="{0EFC41D1-6E36-435B-973A-7835D0983ADF}" dt="2025-05-07T11:18:29.137" v="780" actId="14100"/>
          <ac:cxnSpMkLst>
            <pc:docMk/>
            <pc:sldMk cId="118702118" sldId="645"/>
            <ac:cxnSpMk id="41" creationId="{480A68B0-3E64-344D-1E1D-67CEB2F7F182}"/>
          </ac:cxnSpMkLst>
        </pc:cxnChg>
        <pc:cxnChg chg="add mod">
          <ac:chgData name="Merve Gülmez" userId="3594cd17-5953-4511-8d53-8cfc799250e7" providerId="ADAL" clId="{0EFC41D1-6E36-435B-973A-7835D0983ADF}" dt="2025-05-07T11:18:29.137" v="780" actId="14100"/>
          <ac:cxnSpMkLst>
            <pc:docMk/>
            <pc:sldMk cId="118702118" sldId="645"/>
            <ac:cxnSpMk id="44" creationId="{DD5CB079-FA9A-64DF-BF8F-8634204E2B06}"/>
          </ac:cxnSpMkLst>
        </pc:cxnChg>
        <pc:cxnChg chg="add mod">
          <ac:chgData name="Merve Gülmez" userId="3594cd17-5953-4511-8d53-8cfc799250e7" providerId="ADAL" clId="{0EFC41D1-6E36-435B-973A-7835D0983ADF}" dt="2025-05-07T11:18:29.137" v="780" actId="14100"/>
          <ac:cxnSpMkLst>
            <pc:docMk/>
            <pc:sldMk cId="118702118" sldId="645"/>
            <ac:cxnSpMk id="55" creationId="{AAB6B542-E242-DFD1-472B-E7C17297DB7C}"/>
          </ac:cxnSpMkLst>
        </pc:cxnChg>
        <pc:cxnChg chg="add mod">
          <ac:chgData name="Merve Gülmez" userId="3594cd17-5953-4511-8d53-8cfc799250e7" providerId="ADAL" clId="{0EFC41D1-6E36-435B-973A-7835D0983ADF}" dt="2025-05-07T11:18:29.137" v="780" actId="14100"/>
          <ac:cxnSpMkLst>
            <pc:docMk/>
            <pc:sldMk cId="118702118" sldId="645"/>
            <ac:cxnSpMk id="56" creationId="{670A457A-E96A-7EB2-3C9A-B3E1E2BBCD39}"/>
          </ac:cxnSpMkLst>
        </pc:cxnChg>
        <pc:cxnChg chg="add mod">
          <ac:chgData name="Merve Gülmez" userId="3594cd17-5953-4511-8d53-8cfc799250e7" providerId="ADAL" clId="{0EFC41D1-6E36-435B-973A-7835D0983ADF}" dt="2025-05-07T11:18:29.137" v="780" actId="14100"/>
          <ac:cxnSpMkLst>
            <pc:docMk/>
            <pc:sldMk cId="118702118" sldId="645"/>
            <ac:cxnSpMk id="57" creationId="{C8C907D0-E3E5-2A5A-6412-F5A1C791919C}"/>
          </ac:cxnSpMkLst>
        </pc:cxnChg>
      </pc:sldChg>
      <pc:sldChg chg="del">
        <pc:chgData name="Merve Gülmez" userId="3594cd17-5953-4511-8d53-8cfc799250e7" providerId="ADAL" clId="{0EFC41D1-6E36-435B-973A-7835D0983ADF}" dt="2025-05-09T08:02:22.162" v="1734" actId="47"/>
        <pc:sldMkLst>
          <pc:docMk/>
          <pc:sldMk cId="3616387346" sldId="648"/>
        </pc:sldMkLst>
      </pc:sldChg>
      <pc:sldChg chg="del">
        <pc:chgData name="Merve Gülmez" userId="3594cd17-5953-4511-8d53-8cfc799250e7" providerId="ADAL" clId="{0EFC41D1-6E36-435B-973A-7835D0983ADF}" dt="2025-05-09T08:02:30.411" v="1739" actId="47"/>
        <pc:sldMkLst>
          <pc:docMk/>
          <pc:sldMk cId="2536854076" sldId="660"/>
        </pc:sldMkLst>
      </pc:sldChg>
      <pc:sldChg chg="modSp mod modAnim">
        <pc:chgData name="Merve Gülmez" userId="3594cd17-5953-4511-8d53-8cfc799250e7" providerId="ADAL" clId="{0EFC41D1-6E36-435B-973A-7835D0983ADF}" dt="2025-05-09T08:24:22.722" v="1878" actId="790"/>
        <pc:sldMkLst>
          <pc:docMk/>
          <pc:sldMk cId="2234753253" sldId="666"/>
        </pc:sldMkLst>
        <pc:spChg chg="mod">
          <ac:chgData name="Merve Gülmez" userId="3594cd17-5953-4511-8d53-8cfc799250e7" providerId="ADAL" clId="{0EFC41D1-6E36-435B-973A-7835D0983ADF}" dt="2025-05-09T08:24:22.707" v="1862" actId="790"/>
          <ac:spMkLst>
            <pc:docMk/>
            <pc:sldMk cId="2234753253" sldId="666"/>
            <ac:spMk id="2" creationId="{B8D00218-61FC-8C48-8A77-2D43E3E1D557}"/>
          </ac:spMkLst>
        </pc:spChg>
        <pc:spChg chg="mod">
          <ac:chgData name="Merve Gülmez" userId="3594cd17-5953-4511-8d53-8cfc799250e7" providerId="ADAL" clId="{0EFC41D1-6E36-435B-973A-7835D0983ADF}" dt="2025-05-09T08:24:22.707" v="1863" actId="790"/>
          <ac:spMkLst>
            <pc:docMk/>
            <pc:sldMk cId="2234753253" sldId="666"/>
            <ac:spMk id="3" creationId="{ACD8FB6B-6E11-D8D8-0A46-6D58B4CE4602}"/>
          </ac:spMkLst>
        </pc:spChg>
        <pc:spChg chg="mod">
          <ac:chgData name="Merve Gülmez" userId="3594cd17-5953-4511-8d53-8cfc799250e7" providerId="ADAL" clId="{0EFC41D1-6E36-435B-973A-7835D0983ADF}" dt="2025-05-09T08:24:22.707" v="1864" actId="790"/>
          <ac:spMkLst>
            <pc:docMk/>
            <pc:sldMk cId="2234753253" sldId="666"/>
            <ac:spMk id="14" creationId="{5DFF120A-41F8-BA6B-4913-D37159F0D2C8}"/>
          </ac:spMkLst>
        </pc:spChg>
        <pc:spChg chg="mod modVis">
          <ac:chgData name="Merve Gülmez" userId="3594cd17-5953-4511-8d53-8cfc799250e7" providerId="ADAL" clId="{0EFC41D1-6E36-435B-973A-7835D0983ADF}" dt="2025-05-09T07:38:34.542" v="1388" actId="14429"/>
          <ac:spMkLst>
            <pc:docMk/>
            <pc:sldMk cId="2234753253" sldId="666"/>
            <ac:spMk id="17" creationId="{4F51049D-236D-C7C9-6700-E7C8C1DBE2BF}"/>
          </ac:spMkLst>
        </pc:spChg>
        <pc:spChg chg="mod">
          <ac:chgData name="Merve Gülmez" userId="3594cd17-5953-4511-8d53-8cfc799250e7" providerId="ADAL" clId="{0EFC41D1-6E36-435B-973A-7835D0983ADF}" dt="2025-05-09T08:24:22.707" v="1865" actId="790"/>
          <ac:spMkLst>
            <pc:docMk/>
            <pc:sldMk cId="2234753253" sldId="666"/>
            <ac:spMk id="27" creationId="{7700EA69-9322-D94C-2E1E-6B69051A112E}"/>
          </ac:spMkLst>
        </pc:spChg>
        <pc:spChg chg="mod modVis">
          <ac:chgData name="Merve Gülmez" userId="3594cd17-5953-4511-8d53-8cfc799250e7" providerId="ADAL" clId="{0EFC41D1-6E36-435B-973A-7835D0983ADF}" dt="2025-05-09T08:24:22.722" v="1868" actId="790"/>
          <ac:spMkLst>
            <pc:docMk/>
            <pc:sldMk cId="2234753253" sldId="666"/>
            <ac:spMk id="32" creationId="{ECAF1ECC-61B3-8B8F-586C-DC8AF1228738}"/>
          </ac:spMkLst>
        </pc:spChg>
        <pc:spChg chg="mod">
          <ac:chgData name="Merve Gülmez" userId="3594cd17-5953-4511-8d53-8cfc799250e7" providerId="ADAL" clId="{0EFC41D1-6E36-435B-973A-7835D0983ADF}" dt="2025-05-09T08:24:22.707" v="1866"/>
          <ac:spMkLst>
            <pc:docMk/>
            <pc:sldMk cId="2234753253" sldId="666"/>
            <ac:spMk id="34" creationId="{78A86BF5-6D93-40E5-9A61-E705A89C9793}"/>
          </ac:spMkLst>
        </pc:spChg>
        <pc:spChg chg="mod modVis">
          <ac:chgData name="Merve Gülmez" userId="3594cd17-5953-4511-8d53-8cfc799250e7" providerId="ADAL" clId="{0EFC41D1-6E36-435B-973A-7835D0983ADF}" dt="2025-05-09T08:24:22.722" v="1878" actId="790"/>
          <ac:spMkLst>
            <pc:docMk/>
            <pc:sldMk cId="2234753253" sldId="666"/>
            <ac:spMk id="58" creationId="{0E85A4CE-B1C2-1321-A2E4-4D5BE27FF557}"/>
          </ac:spMkLst>
        </pc:spChg>
        <pc:spChg chg="mod">
          <ac:chgData name="Merve Gülmez" userId="3594cd17-5953-4511-8d53-8cfc799250e7" providerId="ADAL" clId="{0EFC41D1-6E36-435B-973A-7835D0983ADF}" dt="2025-05-09T08:24:22.707" v="1867" actId="790"/>
          <ac:spMkLst>
            <pc:docMk/>
            <pc:sldMk cId="2234753253" sldId="666"/>
            <ac:spMk id="61" creationId="{59079101-CA2C-C222-1565-01D39A8DD00E}"/>
          </ac:spMkLst>
        </pc:spChg>
        <pc:spChg chg="mod modVis">
          <ac:chgData name="Merve Gülmez" userId="3594cd17-5953-4511-8d53-8cfc799250e7" providerId="ADAL" clId="{0EFC41D1-6E36-435B-973A-7835D0983ADF}" dt="2025-05-09T07:39:51.413" v="1445" actId="14429"/>
          <ac:spMkLst>
            <pc:docMk/>
            <pc:sldMk cId="2234753253" sldId="666"/>
            <ac:spMk id="71" creationId="{C3E0EF5D-A7CB-0157-A2B4-C78394915130}"/>
          </ac:spMkLst>
        </pc:spChg>
        <pc:spChg chg="mod modVis">
          <ac:chgData name="Merve Gülmez" userId="3594cd17-5953-4511-8d53-8cfc799250e7" providerId="ADAL" clId="{0EFC41D1-6E36-435B-973A-7835D0983ADF}" dt="2025-05-09T07:39:53.129" v="1447" actId="14429"/>
          <ac:spMkLst>
            <pc:docMk/>
            <pc:sldMk cId="2234753253" sldId="666"/>
            <ac:spMk id="80" creationId="{14BDD1AA-D34E-D941-6F70-A0D9D8542C5C}"/>
          </ac:spMkLst>
        </pc:spChg>
        <pc:spChg chg="mod modVis">
          <ac:chgData name="Merve Gülmez" userId="3594cd17-5953-4511-8d53-8cfc799250e7" providerId="ADAL" clId="{0EFC41D1-6E36-435B-973A-7835D0983ADF}" dt="2025-05-09T08:24:22.722" v="1869"/>
          <ac:spMkLst>
            <pc:docMk/>
            <pc:sldMk cId="2234753253" sldId="666"/>
            <ac:spMk id="85" creationId="{B0328753-24D0-8029-8125-11D4D5D1245C}"/>
          </ac:spMkLst>
        </pc:spChg>
        <pc:spChg chg="mod modVis">
          <ac:chgData name="Merve Gülmez" userId="3594cd17-5953-4511-8d53-8cfc799250e7" providerId="ADAL" clId="{0EFC41D1-6E36-435B-973A-7835D0983ADF}" dt="2025-05-09T08:24:22.722" v="1870"/>
          <ac:spMkLst>
            <pc:docMk/>
            <pc:sldMk cId="2234753253" sldId="666"/>
            <ac:spMk id="86" creationId="{19646CC6-D784-1821-937B-582FBDBD5409}"/>
          </ac:spMkLst>
        </pc:spChg>
        <pc:spChg chg="mod modVis">
          <ac:chgData name="Merve Gülmez" userId="3594cd17-5953-4511-8d53-8cfc799250e7" providerId="ADAL" clId="{0EFC41D1-6E36-435B-973A-7835D0983ADF}" dt="2025-05-09T08:24:22.722" v="1871"/>
          <ac:spMkLst>
            <pc:docMk/>
            <pc:sldMk cId="2234753253" sldId="666"/>
            <ac:spMk id="87" creationId="{E799ED47-8102-9CF5-E193-7FE660B59B38}"/>
          </ac:spMkLst>
        </pc:spChg>
        <pc:spChg chg="mod modVis">
          <ac:chgData name="Merve Gülmez" userId="3594cd17-5953-4511-8d53-8cfc799250e7" providerId="ADAL" clId="{0EFC41D1-6E36-435B-973A-7835D0983ADF}" dt="2025-05-09T08:24:22.722" v="1872"/>
          <ac:spMkLst>
            <pc:docMk/>
            <pc:sldMk cId="2234753253" sldId="666"/>
            <ac:spMk id="89" creationId="{A6959921-2EF9-341F-76B8-1A857CD009DE}"/>
          </ac:spMkLst>
        </pc:spChg>
        <pc:spChg chg="mod modVis">
          <ac:chgData name="Merve Gülmez" userId="3594cd17-5953-4511-8d53-8cfc799250e7" providerId="ADAL" clId="{0EFC41D1-6E36-435B-973A-7835D0983ADF}" dt="2025-05-09T08:24:22.722" v="1873"/>
          <ac:spMkLst>
            <pc:docMk/>
            <pc:sldMk cId="2234753253" sldId="666"/>
            <ac:spMk id="91" creationId="{2CDB0A46-9FA6-737A-BFAD-DEFFAB6D05E1}"/>
          </ac:spMkLst>
        </pc:spChg>
        <pc:spChg chg="mod modVis">
          <ac:chgData name="Merve Gülmez" userId="3594cd17-5953-4511-8d53-8cfc799250e7" providerId="ADAL" clId="{0EFC41D1-6E36-435B-973A-7835D0983ADF}" dt="2025-05-09T08:24:22.722" v="1874"/>
          <ac:spMkLst>
            <pc:docMk/>
            <pc:sldMk cId="2234753253" sldId="666"/>
            <ac:spMk id="100" creationId="{0B4A4293-BB57-7C6D-77DF-E06A813BA349}"/>
          </ac:spMkLst>
        </pc:spChg>
        <pc:spChg chg="mod modVis">
          <ac:chgData name="Merve Gülmez" userId="3594cd17-5953-4511-8d53-8cfc799250e7" providerId="ADAL" clId="{0EFC41D1-6E36-435B-973A-7835D0983ADF}" dt="2025-05-09T08:24:22.722" v="1875"/>
          <ac:spMkLst>
            <pc:docMk/>
            <pc:sldMk cId="2234753253" sldId="666"/>
            <ac:spMk id="102" creationId="{E47D0A29-F2D9-387D-2F50-3F194833D63A}"/>
          </ac:spMkLst>
        </pc:spChg>
        <pc:spChg chg="mod modVis">
          <ac:chgData name="Merve Gülmez" userId="3594cd17-5953-4511-8d53-8cfc799250e7" providerId="ADAL" clId="{0EFC41D1-6E36-435B-973A-7835D0983ADF}" dt="2025-05-09T08:24:22.722" v="1876"/>
          <ac:spMkLst>
            <pc:docMk/>
            <pc:sldMk cId="2234753253" sldId="666"/>
            <ac:spMk id="103" creationId="{B3E096B6-0D74-BA81-1E23-BCCF33CD9C2C}"/>
          </ac:spMkLst>
        </pc:spChg>
        <pc:spChg chg="mod modVis">
          <ac:chgData name="Merve Gülmez" userId="3594cd17-5953-4511-8d53-8cfc799250e7" providerId="ADAL" clId="{0EFC41D1-6E36-435B-973A-7835D0983ADF}" dt="2025-05-09T08:24:22.722" v="1877"/>
          <ac:spMkLst>
            <pc:docMk/>
            <pc:sldMk cId="2234753253" sldId="666"/>
            <ac:spMk id="105" creationId="{41FC099B-0CEF-927A-9CF0-FA6E6A4DA557}"/>
          </ac:spMkLst>
        </pc:spChg>
        <pc:grpChg chg="mod modVis">
          <ac:chgData name="Merve Gülmez" userId="3594cd17-5953-4511-8d53-8cfc799250e7" providerId="ADAL" clId="{0EFC41D1-6E36-435B-973A-7835D0983ADF}" dt="2025-05-09T07:38:24.468" v="1386" actId="14429"/>
          <ac:grpSpMkLst>
            <pc:docMk/>
            <pc:sldMk cId="2234753253" sldId="666"/>
            <ac:grpSpMk id="16" creationId="{4C2F5ED3-6320-824C-75BD-BAEB8182A5BA}"/>
          </ac:grpSpMkLst>
        </pc:grpChg>
        <pc:grpChg chg="mod modVis">
          <ac:chgData name="Merve Gülmez" userId="3594cd17-5953-4511-8d53-8cfc799250e7" providerId="ADAL" clId="{0EFC41D1-6E36-435B-973A-7835D0983ADF}" dt="2025-05-09T07:38:35.740" v="1389" actId="14429"/>
          <ac:grpSpMkLst>
            <pc:docMk/>
            <pc:sldMk cId="2234753253" sldId="666"/>
            <ac:grpSpMk id="59" creationId="{B75BD8A8-37F6-B989-2F38-13B1A45C4712}"/>
          </ac:grpSpMkLst>
        </pc:grpChg>
        <pc:cxnChg chg="mod modVis">
          <ac:chgData name="Merve Gülmez" userId="3594cd17-5953-4511-8d53-8cfc799250e7" providerId="ADAL" clId="{0EFC41D1-6E36-435B-973A-7835D0983ADF}" dt="2025-05-09T07:40:04.061" v="1461" actId="14429"/>
          <ac:cxnSpMkLst>
            <pc:docMk/>
            <pc:sldMk cId="2234753253" sldId="666"/>
            <ac:cxnSpMk id="6" creationId="{CBE83AEE-6934-64C9-652E-8BEA8D7DC25A}"/>
          </ac:cxnSpMkLst>
        </pc:cxnChg>
        <pc:cxnChg chg="mod modVis">
          <ac:chgData name="Merve Gülmez" userId="3594cd17-5953-4511-8d53-8cfc799250e7" providerId="ADAL" clId="{0EFC41D1-6E36-435B-973A-7835D0983ADF}" dt="2025-05-09T07:40:04.674" v="1462" actId="14429"/>
          <ac:cxnSpMkLst>
            <pc:docMk/>
            <pc:sldMk cId="2234753253" sldId="666"/>
            <ac:cxnSpMk id="13" creationId="{DEF55BD3-AB9E-38F3-5675-E6D61575EDB6}"/>
          </ac:cxnSpMkLst>
        </pc:cxnChg>
        <pc:cxnChg chg="mod">
          <ac:chgData name="Merve Gülmez" userId="3594cd17-5953-4511-8d53-8cfc799250e7" providerId="ADAL" clId="{0EFC41D1-6E36-435B-973A-7835D0983ADF}" dt="2025-05-09T07:39:36.222" v="1443" actId="1038"/>
          <ac:cxnSpMkLst>
            <pc:docMk/>
            <pc:sldMk cId="2234753253" sldId="666"/>
            <ac:cxnSpMk id="21" creationId="{D797DD8F-200B-A82B-8729-4990FB14B447}"/>
          </ac:cxnSpMkLst>
        </pc:cxnChg>
        <pc:cxnChg chg="mod modVis">
          <ac:chgData name="Merve Gülmez" userId="3594cd17-5953-4511-8d53-8cfc799250e7" providerId="ADAL" clId="{0EFC41D1-6E36-435B-973A-7835D0983ADF}" dt="2025-05-09T07:40:05.241" v="1463" actId="14429"/>
          <ac:cxnSpMkLst>
            <pc:docMk/>
            <pc:sldMk cId="2234753253" sldId="666"/>
            <ac:cxnSpMk id="28" creationId="{A22F4616-58A4-C7DA-63A5-2EB7F2DB438F}"/>
          </ac:cxnSpMkLst>
        </pc:cxnChg>
        <pc:cxnChg chg="mod modVis">
          <ac:chgData name="Merve Gülmez" userId="3594cd17-5953-4511-8d53-8cfc799250e7" providerId="ADAL" clId="{0EFC41D1-6E36-435B-973A-7835D0983ADF}" dt="2025-05-09T07:39:48.790" v="1444" actId="14429"/>
          <ac:cxnSpMkLst>
            <pc:docMk/>
            <pc:sldMk cId="2234753253" sldId="666"/>
            <ac:cxnSpMk id="66" creationId="{6380813F-916D-1032-7AAB-952121377CAE}"/>
          </ac:cxnSpMkLst>
        </pc:cxnChg>
        <pc:cxnChg chg="mod">
          <ac:chgData name="Merve Gülmez" userId="3594cd17-5953-4511-8d53-8cfc799250e7" providerId="ADAL" clId="{0EFC41D1-6E36-435B-973A-7835D0983ADF}" dt="2025-05-09T07:38:59.490" v="1415" actId="1037"/>
          <ac:cxnSpMkLst>
            <pc:docMk/>
            <pc:sldMk cId="2234753253" sldId="666"/>
            <ac:cxnSpMk id="68" creationId="{7D338CF5-6ED2-4939-AE85-FA0A05E16059}"/>
          </ac:cxnSpMkLst>
        </pc:cxnChg>
        <pc:cxnChg chg="mod modVis">
          <ac:chgData name="Merve Gülmez" userId="3594cd17-5953-4511-8d53-8cfc799250e7" providerId="ADAL" clId="{0EFC41D1-6E36-435B-973A-7835D0983ADF}" dt="2025-05-09T07:39:51.965" v="1446" actId="14429"/>
          <ac:cxnSpMkLst>
            <pc:docMk/>
            <pc:sldMk cId="2234753253" sldId="666"/>
            <ac:cxnSpMk id="73" creationId="{E4A9180E-92A4-D0E1-A9A9-6CB2353B04BD}"/>
          </ac:cxnSpMkLst>
        </pc:cxnChg>
        <pc:cxnChg chg="mod modVis">
          <ac:chgData name="Merve Gülmez" userId="3594cd17-5953-4511-8d53-8cfc799250e7" providerId="ADAL" clId="{0EFC41D1-6E36-435B-973A-7835D0983ADF}" dt="2025-05-09T07:39:07.059" v="1416" actId="14429"/>
          <ac:cxnSpMkLst>
            <pc:docMk/>
            <pc:sldMk cId="2234753253" sldId="666"/>
            <ac:cxnSpMk id="78" creationId="{4CB65DD8-F7DD-C69A-6FD3-247935201812}"/>
          </ac:cxnSpMkLst>
        </pc:cxnChg>
        <pc:cxnChg chg="mod">
          <ac:chgData name="Merve Gülmez" userId="3594cd17-5953-4511-8d53-8cfc799250e7" providerId="ADAL" clId="{0EFC41D1-6E36-435B-973A-7835D0983ADF}" dt="2025-05-07T11:35:00.204" v="870" actId="13822"/>
          <ac:cxnSpMkLst>
            <pc:docMk/>
            <pc:sldMk cId="2234753253" sldId="666"/>
            <ac:cxnSpMk id="81" creationId="{4F87F7DA-A82E-A67D-8755-640C54694E8C}"/>
          </ac:cxnSpMkLst>
        </pc:cxnChg>
        <pc:cxnChg chg="mod">
          <ac:chgData name="Merve Gülmez" userId="3594cd17-5953-4511-8d53-8cfc799250e7" providerId="ADAL" clId="{0EFC41D1-6E36-435B-973A-7835D0983ADF}" dt="2025-05-09T07:34:40.977" v="1338" actId="1038"/>
          <ac:cxnSpMkLst>
            <pc:docMk/>
            <pc:sldMk cId="2234753253" sldId="666"/>
            <ac:cxnSpMk id="84" creationId="{345774E7-EA64-6F6C-F4D3-5858AAB014FA}"/>
          </ac:cxnSpMkLst>
        </pc:cxnChg>
        <pc:cxnChg chg="mod modVis">
          <ac:chgData name="Merve Gülmez" userId="3594cd17-5953-4511-8d53-8cfc799250e7" providerId="ADAL" clId="{0EFC41D1-6E36-435B-973A-7835D0983ADF}" dt="2025-05-09T07:39:58.001" v="1453" actId="14429"/>
          <ac:cxnSpMkLst>
            <pc:docMk/>
            <pc:sldMk cId="2234753253" sldId="666"/>
            <ac:cxnSpMk id="90" creationId="{A7478EC0-11D4-5932-49D6-CF23ADFDAFE3}"/>
          </ac:cxnSpMkLst>
        </pc:cxnChg>
        <pc:cxnChg chg="mod modVis">
          <ac:chgData name="Merve Gülmez" userId="3594cd17-5953-4511-8d53-8cfc799250e7" providerId="ADAL" clId="{0EFC41D1-6E36-435B-973A-7835D0983ADF}" dt="2025-05-09T07:39:59.903" v="1455" actId="14429"/>
          <ac:cxnSpMkLst>
            <pc:docMk/>
            <pc:sldMk cId="2234753253" sldId="666"/>
            <ac:cxnSpMk id="99" creationId="{2C851C2B-A31A-A7DD-E994-F0235BFBBCB6}"/>
          </ac:cxnSpMkLst>
        </pc:cxnChg>
        <pc:cxnChg chg="mod modVis">
          <ac:chgData name="Merve Gülmez" userId="3594cd17-5953-4511-8d53-8cfc799250e7" providerId="ADAL" clId="{0EFC41D1-6E36-435B-973A-7835D0983ADF}" dt="2025-05-09T07:40:01.113" v="1457" actId="14429"/>
          <ac:cxnSpMkLst>
            <pc:docMk/>
            <pc:sldMk cId="2234753253" sldId="666"/>
            <ac:cxnSpMk id="101" creationId="{78C2360E-F623-BAA2-7D11-83F3A36824E6}"/>
          </ac:cxnSpMkLst>
        </pc:cxnChg>
      </pc:sldChg>
      <pc:sldChg chg="del ord">
        <pc:chgData name="Merve Gülmez" userId="3594cd17-5953-4511-8d53-8cfc799250e7" providerId="ADAL" clId="{0EFC41D1-6E36-435B-973A-7835D0983ADF}" dt="2025-05-09T08:02:26.454" v="1737" actId="47"/>
        <pc:sldMkLst>
          <pc:docMk/>
          <pc:sldMk cId="790210480" sldId="669"/>
        </pc:sldMkLst>
      </pc:sldChg>
      <pc:sldChg chg="del">
        <pc:chgData name="Merve Gülmez" userId="3594cd17-5953-4511-8d53-8cfc799250e7" providerId="ADAL" clId="{0EFC41D1-6E36-435B-973A-7835D0983ADF}" dt="2025-05-09T08:02:28.010" v="1738" actId="47"/>
        <pc:sldMkLst>
          <pc:docMk/>
          <pc:sldMk cId="3863049952" sldId="673"/>
        </pc:sldMkLst>
      </pc:sldChg>
      <pc:sldChg chg="del ord">
        <pc:chgData name="Merve Gülmez" userId="3594cd17-5953-4511-8d53-8cfc799250e7" providerId="ADAL" clId="{0EFC41D1-6E36-435B-973A-7835D0983ADF}" dt="2025-05-09T08:02:31.982" v="1740" actId="47"/>
        <pc:sldMkLst>
          <pc:docMk/>
          <pc:sldMk cId="915479561" sldId="678"/>
        </pc:sldMkLst>
      </pc:sldChg>
      <pc:sldChg chg="del ord">
        <pc:chgData name="Merve Gülmez" userId="3594cd17-5953-4511-8d53-8cfc799250e7" providerId="ADAL" clId="{0EFC41D1-6E36-435B-973A-7835D0983ADF}" dt="2025-05-09T08:02:33.399" v="1741" actId="47"/>
        <pc:sldMkLst>
          <pc:docMk/>
          <pc:sldMk cId="2008125828" sldId="679"/>
        </pc:sldMkLst>
      </pc:sldChg>
      <pc:sldChg chg="delSp modSp mod">
        <pc:chgData name="Merve Gülmez" userId="3594cd17-5953-4511-8d53-8cfc799250e7" providerId="ADAL" clId="{0EFC41D1-6E36-435B-973A-7835D0983ADF}" dt="2025-05-09T08:24:22.754" v="1898" actId="790"/>
        <pc:sldMkLst>
          <pc:docMk/>
          <pc:sldMk cId="3204406223" sldId="681"/>
        </pc:sldMkLst>
        <pc:spChg chg="mod">
          <ac:chgData name="Merve Gülmez" userId="3594cd17-5953-4511-8d53-8cfc799250e7" providerId="ADAL" clId="{0EFC41D1-6E36-435B-973A-7835D0983ADF}" dt="2025-05-09T08:24:22.754" v="1897" actId="790"/>
          <ac:spMkLst>
            <pc:docMk/>
            <pc:sldMk cId="3204406223" sldId="681"/>
            <ac:spMk id="2" creationId="{D338626A-2ABE-8993-500E-87285E99C1AF}"/>
          </ac:spMkLst>
        </pc:spChg>
        <pc:spChg chg="mod">
          <ac:chgData name="Merve Gülmez" userId="3594cd17-5953-4511-8d53-8cfc799250e7" providerId="ADAL" clId="{0EFC41D1-6E36-435B-973A-7835D0983ADF}" dt="2025-05-09T08:24:22.754" v="1898" actId="790"/>
          <ac:spMkLst>
            <pc:docMk/>
            <pc:sldMk cId="3204406223" sldId="681"/>
            <ac:spMk id="3" creationId="{B5B351D9-CC3B-B98A-D55B-1F0755C298EE}"/>
          </ac:spMkLst>
        </pc:spChg>
        <pc:spChg chg="del mod">
          <ac:chgData name="Merve Gülmez" userId="3594cd17-5953-4511-8d53-8cfc799250e7" providerId="ADAL" clId="{0EFC41D1-6E36-435B-973A-7835D0983ADF}" dt="2025-05-05T13:56:34.099" v="155" actId="478"/>
          <ac:spMkLst>
            <pc:docMk/>
            <pc:sldMk cId="3204406223" sldId="681"/>
            <ac:spMk id="6" creationId="{A790BB19-A6C0-1923-C8D4-D5025A426611}"/>
          </ac:spMkLst>
        </pc:spChg>
        <pc:picChg chg="del">
          <ac:chgData name="Merve Gülmez" userId="3594cd17-5953-4511-8d53-8cfc799250e7" providerId="ADAL" clId="{0EFC41D1-6E36-435B-973A-7835D0983ADF}" dt="2025-05-05T13:56:34.982" v="156" actId="478"/>
          <ac:picMkLst>
            <pc:docMk/>
            <pc:sldMk cId="3204406223" sldId="681"/>
            <ac:picMk id="7" creationId="{DC8DEE21-CDC2-27FB-CFAC-12932D172677}"/>
          </ac:picMkLst>
        </pc:picChg>
      </pc:sldChg>
      <pc:sldChg chg="del">
        <pc:chgData name="Merve Gülmez" userId="3594cd17-5953-4511-8d53-8cfc799250e7" providerId="ADAL" clId="{0EFC41D1-6E36-435B-973A-7835D0983ADF}" dt="2025-05-09T08:02:23.405" v="1735" actId="47"/>
        <pc:sldMkLst>
          <pc:docMk/>
          <pc:sldMk cId="617369384" sldId="684"/>
        </pc:sldMkLst>
      </pc:sldChg>
      <pc:sldChg chg="addSp modSp mod modAnim">
        <pc:chgData name="Merve Gülmez" userId="3594cd17-5953-4511-8d53-8cfc799250e7" providerId="ADAL" clId="{0EFC41D1-6E36-435B-973A-7835D0983ADF}" dt="2025-05-09T08:24:22.675" v="1839" actId="790"/>
        <pc:sldMkLst>
          <pc:docMk/>
          <pc:sldMk cId="730212604" sldId="685"/>
        </pc:sldMkLst>
        <pc:spChg chg="mod">
          <ac:chgData name="Merve Gülmez" userId="3594cd17-5953-4511-8d53-8cfc799250e7" providerId="ADAL" clId="{0EFC41D1-6E36-435B-973A-7835D0983ADF}" dt="2025-05-09T08:24:22.675" v="1830" actId="790"/>
          <ac:spMkLst>
            <pc:docMk/>
            <pc:sldMk cId="730212604" sldId="685"/>
            <ac:spMk id="2" creationId="{C9EF9D07-A526-F5DB-E255-FF0EA044C882}"/>
          </ac:spMkLst>
        </pc:spChg>
        <pc:spChg chg="mod">
          <ac:chgData name="Merve Gülmez" userId="3594cd17-5953-4511-8d53-8cfc799250e7" providerId="ADAL" clId="{0EFC41D1-6E36-435B-973A-7835D0983ADF}" dt="2025-05-09T08:24:22.675" v="1831" actId="790"/>
          <ac:spMkLst>
            <pc:docMk/>
            <pc:sldMk cId="730212604" sldId="685"/>
            <ac:spMk id="3" creationId="{2779A596-181F-1C94-1CBB-11B5BDF465C8}"/>
          </ac:spMkLst>
        </pc:spChg>
        <pc:spChg chg="add mod">
          <ac:chgData name="Merve Gülmez" userId="3594cd17-5953-4511-8d53-8cfc799250e7" providerId="ADAL" clId="{0EFC41D1-6E36-435B-973A-7835D0983ADF}" dt="2025-05-09T08:24:22.675" v="1839" actId="790"/>
          <ac:spMkLst>
            <pc:docMk/>
            <pc:sldMk cId="730212604" sldId="685"/>
            <ac:spMk id="4" creationId="{AC87014A-A482-FAF0-F968-25789AE20E17}"/>
          </ac:spMkLst>
        </pc:spChg>
        <pc:spChg chg="mod">
          <ac:chgData name="Merve Gülmez" userId="3594cd17-5953-4511-8d53-8cfc799250e7" providerId="ADAL" clId="{0EFC41D1-6E36-435B-973A-7835D0983ADF}" dt="2025-05-09T08:24:22.675" v="1832" actId="790"/>
          <ac:spMkLst>
            <pc:docMk/>
            <pc:sldMk cId="730212604" sldId="685"/>
            <ac:spMk id="10" creationId="{89984455-606C-B612-E5E8-42B7172C4BF9}"/>
          </ac:spMkLst>
        </pc:spChg>
        <pc:spChg chg="mod">
          <ac:chgData name="Merve Gülmez" userId="3594cd17-5953-4511-8d53-8cfc799250e7" providerId="ADAL" clId="{0EFC41D1-6E36-435B-973A-7835D0983ADF}" dt="2025-05-09T08:24:22.675" v="1833" actId="790"/>
          <ac:spMkLst>
            <pc:docMk/>
            <pc:sldMk cId="730212604" sldId="685"/>
            <ac:spMk id="11" creationId="{BD83FFA0-4EF2-7C93-768F-0A3B1935A012}"/>
          </ac:spMkLst>
        </pc:spChg>
        <pc:spChg chg="mod">
          <ac:chgData name="Merve Gülmez" userId="3594cd17-5953-4511-8d53-8cfc799250e7" providerId="ADAL" clId="{0EFC41D1-6E36-435B-973A-7835D0983ADF}" dt="2025-05-09T08:24:22.675" v="1834" actId="790"/>
          <ac:spMkLst>
            <pc:docMk/>
            <pc:sldMk cId="730212604" sldId="685"/>
            <ac:spMk id="12" creationId="{8231FA7E-1B0C-AA18-DFE9-7D43A399F0F3}"/>
          </ac:spMkLst>
        </pc:spChg>
        <pc:spChg chg="mod">
          <ac:chgData name="Merve Gülmez" userId="3594cd17-5953-4511-8d53-8cfc799250e7" providerId="ADAL" clId="{0EFC41D1-6E36-435B-973A-7835D0983ADF}" dt="2025-05-09T08:24:22.675" v="1835" actId="790"/>
          <ac:spMkLst>
            <pc:docMk/>
            <pc:sldMk cId="730212604" sldId="685"/>
            <ac:spMk id="13" creationId="{E33A41A2-1CDD-51B4-E6B0-68526C3E45EB}"/>
          </ac:spMkLst>
        </pc:spChg>
        <pc:spChg chg="mod">
          <ac:chgData name="Merve Gülmez" userId="3594cd17-5953-4511-8d53-8cfc799250e7" providerId="ADAL" clId="{0EFC41D1-6E36-435B-973A-7835D0983ADF}" dt="2025-05-09T08:24:22.675" v="1836" actId="790"/>
          <ac:spMkLst>
            <pc:docMk/>
            <pc:sldMk cId="730212604" sldId="685"/>
            <ac:spMk id="14" creationId="{3D5768B9-DBD8-AD6F-2A0C-05BEA608993E}"/>
          </ac:spMkLst>
        </pc:spChg>
        <pc:spChg chg="mod">
          <ac:chgData name="Merve Gülmez" userId="3594cd17-5953-4511-8d53-8cfc799250e7" providerId="ADAL" clId="{0EFC41D1-6E36-435B-973A-7835D0983ADF}" dt="2025-05-09T08:24:22.675" v="1837" actId="790"/>
          <ac:spMkLst>
            <pc:docMk/>
            <pc:sldMk cId="730212604" sldId="685"/>
            <ac:spMk id="15" creationId="{F2E07A96-8A37-B7C0-A8D1-2F846EB40B0C}"/>
          </ac:spMkLst>
        </pc:spChg>
        <pc:spChg chg="mod">
          <ac:chgData name="Merve Gülmez" userId="3594cd17-5953-4511-8d53-8cfc799250e7" providerId="ADAL" clId="{0EFC41D1-6E36-435B-973A-7835D0983ADF}" dt="2025-05-09T08:24:22.675" v="1838"/>
          <ac:spMkLst>
            <pc:docMk/>
            <pc:sldMk cId="730212604" sldId="685"/>
            <ac:spMk id="16" creationId="{6FD5E6C1-868B-F770-F42E-FEE93F2FA1B8}"/>
          </ac:spMkLst>
        </pc:spChg>
      </pc:sldChg>
      <pc:sldChg chg="modSp del mod">
        <pc:chgData name="Merve Gülmez" userId="3594cd17-5953-4511-8d53-8cfc799250e7" providerId="ADAL" clId="{0EFC41D1-6E36-435B-973A-7835D0983ADF}" dt="2025-05-09T08:02:34.818" v="1742" actId="47"/>
        <pc:sldMkLst>
          <pc:docMk/>
          <pc:sldMk cId="2265411207" sldId="686"/>
        </pc:sldMkLst>
        <pc:spChg chg="mod">
          <ac:chgData name="Merve Gülmez" userId="3594cd17-5953-4511-8d53-8cfc799250e7" providerId="ADAL" clId="{0EFC41D1-6E36-435B-973A-7835D0983ADF}" dt="2025-05-05T14:02:11.582" v="165" actId="20577"/>
          <ac:spMkLst>
            <pc:docMk/>
            <pc:sldMk cId="2265411207" sldId="686"/>
            <ac:spMk id="3" creationId="{FA12C98E-1B49-AA06-6305-CCC8D3D55B39}"/>
          </ac:spMkLst>
        </pc:spChg>
      </pc:sldChg>
      <pc:sldChg chg="addSp delSp modSp add del mod">
        <pc:chgData name="Merve Gülmez" userId="3594cd17-5953-4511-8d53-8cfc799250e7" providerId="ADAL" clId="{0EFC41D1-6E36-435B-973A-7835D0983ADF}" dt="2025-05-09T08:02:16.949" v="1733" actId="47"/>
        <pc:sldMkLst>
          <pc:docMk/>
          <pc:sldMk cId="2163285641" sldId="687"/>
        </pc:sldMkLst>
        <pc:spChg chg="del">
          <ac:chgData name="Merve Gülmez" userId="3594cd17-5953-4511-8d53-8cfc799250e7" providerId="ADAL" clId="{0EFC41D1-6E36-435B-973A-7835D0983ADF}" dt="2025-05-05T11:40:50.083" v="85" actId="478"/>
          <ac:spMkLst>
            <pc:docMk/>
            <pc:sldMk cId="2163285641" sldId="687"/>
            <ac:spMk id="4" creationId="{B4D79501-E363-DC78-CBA5-22EEBAD66FDC}"/>
          </ac:spMkLst>
        </pc:spChg>
        <pc:spChg chg="mod">
          <ac:chgData name="Merve Gülmez" userId="3594cd17-5953-4511-8d53-8cfc799250e7" providerId="ADAL" clId="{0EFC41D1-6E36-435B-973A-7835D0983ADF}" dt="2025-05-05T11:48:48.364" v="138" actId="14100"/>
          <ac:spMkLst>
            <pc:docMk/>
            <pc:sldMk cId="2163285641" sldId="687"/>
            <ac:spMk id="5" creationId="{E13DC605-6322-2F14-2DF1-DB36EDAFAC31}"/>
          </ac:spMkLst>
        </pc:spChg>
        <pc:spChg chg="del">
          <ac:chgData name="Merve Gülmez" userId="3594cd17-5953-4511-8d53-8cfc799250e7" providerId="ADAL" clId="{0EFC41D1-6E36-435B-973A-7835D0983ADF}" dt="2025-05-05T11:40:50.083" v="85" actId="478"/>
          <ac:spMkLst>
            <pc:docMk/>
            <pc:sldMk cId="2163285641" sldId="687"/>
            <ac:spMk id="6" creationId="{0CF3A178-430B-18DA-61FA-8E47EEEFD015}"/>
          </ac:spMkLst>
        </pc:spChg>
        <pc:spChg chg="del">
          <ac:chgData name="Merve Gülmez" userId="3594cd17-5953-4511-8d53-8cfc799250e7" providerId="ADAL" clId="{0EFC41D1-6E36-435B-973A-7835D0983ADF}" dt="2025-05-05T11:41:00.454" v="87" actId="478"/>
          <ac:spMkLst>
            <pc:docMk/>
            <pc:sldMk cId="2163285641" sldId="687"/>
            <ac:spMk id="7" creationId="{50A1FED1-4FC8-E063-9BF3-E2741020AFDA}"/>
          </ac:spMkLst>
        </pc:spChg>
        <pc:spChg chg="del">
          <ac:chgData name="Merve Gülmez" userId="3594cd17-5953-4511-8d53-8cfc799250e7" providerId="ADAL" clId="{0EFC41D1-6E36-435B-973A-7835D0983ADF}" dt="2025-05-05T11:40:50.083" v="85" actId="478"/>
          <ac:spMkLst>
            <pc:docMk/>
            <pc:sldMk cId="2163285641" sldId="687"/>
            <ac:spMk id="8" creationId="{0CF2DE41-5B87-A442-5189-7A127C3E104A}"/>
          </ac:spMkLst>
        </pc:spChg>
        <pc:spChg chg="del">
          <ac:chgData name="Merve Gülmez" userId="3594cd17-5953-4511-8d53-8cfc799250e7" providerId="ADAL" clId="{0EFC41D1-6E36-435B-973A-7835D0983ADF}" dt="2025-05-05T11:40:50.083" v="85" actId="478"/>
          <ac:spMkLst>
            <pc:docMk/>
            <pc:sldMk cId="2163285641" sldId="687"/>
            <ac:spMk id="9" creationId="{257D94E4-F5C9-D782-4472-B14EDE2C1316}"/>
          </ac:spMkLst>
        </pc:spChg>
        <pc:spChg chg="add del mod">
          <ac:chgData name="Merve Gülmez" userId="3594cd17-5953-4511-8d53-8cfc799250e7" providerId="ADAL" clId="{0EFC41D1-6E36-435B-973A-7835D0983ADF}" dt="2025-05-05T11:40:57.097" v="86" actId="478"/>
          <ac:spMkLst>
            <pc:docMk/>
            <pc:sldMk cId="2163285641" sldId="687"/>
            <ac:spMk id="11" creationId="{B6430796-CA43-751A-50AE-A9A73C822833}"/>
          </ac:spMkLst>
        </pc:spChg>
        <pc:spChg chg="add mod">
          <ac:chgData name="Merve Gülmez" userId="3594cd17-5953-4511-8d53-8cfc799250e7" providerId="ADAL" clId="{0EFC41D1-6E36-435B-973A-7835D0983ADF}" dt="2025-05-05T11:49:13.451" v="146" actId="20577"/>
          <ac:spMkLst>
            <pc:docMk/>
            <pc:sldMk cId="2163285641" sldId="687"/>
            <ac:spMk id="12" creationId="{BFB19FDB-9442-EF7A-6F39-5467B6EF4B3E}"/>
          </ac:spMkLst>
        </pc:spChg>
        <pc:picChg chg="del">
          <ac:chgData name="Merve Gülmez" userId="3594cd17-5953-4511-8d53-8cfc799250e7" providerId="ADAL" clId="{0EFC41D1-6E36-435B-973A-7835D0983ADF}" dt="2025-05-05T11:40:50.083" v="85" actId="478"/>
          <ac:picMkLst>
            <pc:docMk/>
            <pc:sldMk cId="2163285641" sldId="687"/>
            <ac:picMk id="3" creationId="{F7CEF7B3-0B2B-559E-84AB-85E696794886}"/>
          </ac:picMkLst>
        </pc:picChg>
      </pc:sldChg>
      <pc:sldChg chg="del">
        <pc:chgData name="Merve Gülmez" userId="3594cd17-5953-4511-8d53-8cfc799250e7" providerId="ADAL" clId="{0EFC41D1-6E36-435B-973A-7835D0983ADF}" dt="2025-05-09T08:02:15.048" v="1732" actId="47"/>
        <pc:sldMkLst>
          <pc:docMk/>
          <pc:sldMk cId="1324350210" sldId="688"/>
        </pc:sldMkLst>
      </pc:sldChg>
      <pc:sldChg chg="addSp delSp modSp mod addAnim delAnim modAnim">
        <pc:chgData name="Merve Gülmez" userId="3594cd17-5953-4511-8d53-8cfc799250e7" providerId="ADAL" clId="{0EFC41D1-6E36-435B-973A-7835D0983ADF}" dt="2025-05-09T08:24:22.691" v="1852"/>
        <pc:sldMkLst>
          <pc:docMk/>
          <pc:sldMk cId="1412824670" sldId="689"/>
        </pc:sldMkLst>
        <pc:spChg chg="mod">
          <ac:chgData name="Merve Gülmez" userId="3594cd17-5953-4511-8d53-8cfc799250e7" providerId="ADAL" clId="{0EFC41D1-6E36-435B-973A-7835D0983ADF}" dt="2025-05-09T08:24:22.675" v="1840" actId="790"/>
          <ac:spMkLst>
            <pc:docMk/>
            <pc:sldMk cId="1412824670" sldId="689"/>
            <ac:spMk id="4" creationId="{F811EFB8-BEDF-74F2-93A0-8301B2151337}"/>
          </ac:spMkLst>
        </pc:spChg>
        <pc:spChg chg="mod">
          <ac:chgData name="Merve Gülmez" userId="3594cd17-5953-4511-8d53-8cfc799250e7" providerId="ADAL" clId="{0EFC41D1-6E36-435B-973A-7835D0983ADF}" dt="2025-05-09T08:24:22.691" v="1841" actId="790"/>
          <ac:spMkLst>
            <pc:docMk/>
            <pc:sldMk cId="1412824670" sldId="689"/>
            <ac:spMk id="5" creationId="{8497A597-97D9-8976-5243-2E46590B8D11}"/>
          </ac:spMkLst>
        </pc:spChg>
        <pc:spChg chg="mod">
          <ac:chgData name="Merve Gülmez" userId="3594cd17-5953-4511-8d53-8cfc799250e7" providerId="ADAL" clId="{0EFC41D1-6E36-435B-973A-7835D0983ADF}" dt="2025-05-09T08:24:22.691" v="1842" actId="790"/>
          <ac:spMkLst>
            <pc:docMk/>
            <pc:sldMk cId="1412824670" sldId="689"/>
            <ac:spMk id="6" creationId="{C47449DD-1CCB-D5A0-0951-08AEA3DE820A}"/>
          </ac:spMkLst>
        </pc:spChg>
        <pc:spChg chg="mod">
          <ac:chgData name="Merve Gülmez" userId="3594cd17-5953-4511-8d53-8cfc799250e7" providerId="ADAL" clId="{0EFC41D1-6E36-435B-973A-7835D0983ADF}" dt="2025-05-09T08:24:22.691" v="1843" actId="790"/>
          <ac:spMkLst>
            <pc:docMk/>
            <pc:sldMk cId="1412824670" sldId="689"/>
            <ac:spMk id="8" creationId="{C7AFFB63-74C7-B8E2-AF76-D1DB14E6EB82}"/>
          </ac:spMkLst>
        </pc:spChg>
        <pc:spChg chg="mod">
          <ac:chgData name="Merve Gülmez" userId="3594cd17-5953-4511-8d53-8cfc799250e7" providerId="ADAL" clId="{0EFC41D1-6E36-435B-973A-7835D0983ADF}" dt="2025-05-09T08:24:22.691" v="1844"/>
          <ac:spMkLst>
            <pc:docMk/>
            <pc:sldMk cId="1412824670" sldId="689"/>
            <ac:spMk id="9" creationId="{23B6E6B6-9856-55EA-B7CD-F814D31EFE71}"/>
          </ac:spMkLst>
        </pc:spChg>
        <pc:spChg chg="mod">
          <ac:chgData name="Merve Gülmez" userId="3594cd17-5953-4511-8d53-8cfc799250e7" providerId="ADAL" clId="{0EFC41D1-6E36-435B-973A-7835D0983ADF}" dt="2025-05-09T08:24:22.691" v="1845" actId="790"/>
          <ac:spMkLst>
            <pc:docMk/>
            <pc:sldMk cId="1412824670" sldId="689"/>
            <ac:spMk id="10" creationId="{FDE3DD7F-E4A3-C457-21B5-590C81D593C6}"/>
          </ac:spMkLst>
        </pc:spChg>
        <pc:spChg chg="mod">
          <ac:chgData name="Merve Gülmez" userId="3594cd17-5953-4511-8d53-8cfc799250e7" providerId="ADAL" clId="{0EFC41D1-6E36-435B-973A-7835D0983ADF}" dt="2025-05-09T08:24:22.691" v="1846" actId="790"/>
          <ac:spMkLst>
            <pc:docMk/>
            <pc:sldMk cId="1412824670" sldId="689"/>
            <ac:spMk id="11" creationId="{98959CFF-BA0B-AEA9-5FD0-325B4B3469E0}"/>
          </ac:spMkLst>
        </pc:spChg>
        <pc:spChg chg="mod">
          <ac:chgData name="Merve Gülmez" userId="3594cd17-5953-4511-8d53-8cfc799250e7" providerId="ADAL" clId="{0EFC41D1-6E36-435B-973A-7835D0983ADF}" dt="2025-05-09T08:24:22.691" v="1847" actId="790"/>
          <ac:spMkLst>
            <pc:docMk/>
            <pc:sldMk cId="1412824670" sldId="689"/>
            <ac:spMk id="12" creationId="{832EE906-3B9B-7706-326F-E7F514392C11}"/>
          </ac:spMkLst>
        </pc:spChg>
        <pc:spChg chg="add del mod">
          <ac:chgData name="Merve Gülmez" userId="3594cd17-5953-4511-8d53-8cfc799250e7" providerId="ADAL" clId="{0EFC41D1-6E36-435B-973A-7835D0983ADF}" dt="2025-05-09T08:24:22.691" v="1848"/>
          <ac:spMkLst>
            <pc:docMk/>
            <pc:sldMk cId="1412824670" sldId="689"/>
            <ac:spMk id="13" creationId="{4CD51366-6EB2-413B-1EF7-C30C5BA90FA6}"/>
          </ac:spMkLst>
        </pc:spChg>
        <pc:spChg chg="mod">
          <ac:chgData name="Merve Gülmez" userId="3594cd17-5953-4511-8d53-8cfc799250e7" providerId="ADAL" clId="{0EFC41D1-6E36-435B-973A-7835D0983ADF}" dt="2025-05-09T08:24:22.691" v="1849" actId="790"/>
          <ac:spMkLst>
            <pc:docMk/>
            <pc:sldMk cId="1412824670" sldId="689"/>
            <ac:spMk id="14" creationId="{6D2547A5-0609-662B-8469-F9A10117CB0A}"/>
          </ac:spMkLst>
        </pc:spChg>
        <pc:spChg chg="mod">
          <ac:chgData name="Merve Gülmez" userId="3594cd17-5953-4511-8d53-8cfc799250e7" providerId="ADAL" clId="{0EFC41D1-6E36-435B-973A-7835D0983ADF}" dt="2025-05-09T08:24:22.691" v="1850" actId="790"/>
          <ac:spMkLst>
            <pc:docMk/>
            <pc:sldMk cId="1412824670" sldId="689"/>
            <ac:spMk id="15" creationId="{C9BBB917-6505-A315-F2C2-C54FB0D87136}"/>
          </ac:spMkLst>
        </pc:spChg>
        <pc:spChg chg="mod">
          <ac:chgData name="Merve Gülmez" userId="3594cd17-5953-4511-8d53-8cfc799250e7" providerId="ADAL" clId="{0EFC41D1-6E36-435B-973A-7835D0983ADF}" dt="2025-05-09T08:24:22.691" v="1851" actId="790"/>
          <ac:spMkLst>
            <pc:docMk/>
            <pc:sldMk cId="1412824670" sldId="689"/>
            <ac:spMk id="16" creationId="{06F80879-44C9-1211-3EC3-6061DEC311F8}"/>
          </ac:spMkLst>
        </pc:spChg>
        <pc:spChg chg="add mod">
          <ac:chgData name="Merve Gülmez" userId="3594cd17-5953-4511-8d53-8cfc799250e7" providerId="ADAL" clId="{0EFC41D1-6E36-435B-973A-7835D0983ADF}" dt="2025-05-09T08:24:22.691" v="1852"/>
          <ac:spMkLst>
            <pc:docMk/>
            <pc:sldMk cId="1412824670" sldId="689"/>
            <ac:spMk id="18" creationId="{DF04B888-5187-08F5-FC89-DDDF28CA3C43}"/>
          </ac:spMkLst>
        </pc:spChg>
        <pc:picChg chg="add mod">
          <ac:chgData name="Merve Gülmez" userId="3594cd17-5953-4511-8d53-8cfc799250e7" providerId="ADAL" clId="{0EFC41D1-6E36-435B-973A-7835D0983ADF}" dt="2025-05-07T09:24:37.710" v="740"/>
          <ac:picMkLst>
            <pc:docMk/>
            <pc:sldMk cId="1412824670" sldId="689"/>
            <ac:picMk id="2" creationId="{4C183AD3-5008-F390-1B80-1AA64068D1CC}"/>
          </ac:picMkLst>
        </pc:picChg>
        <pc:picChg chg="add mod">
          <ac:chgData name="Merve Gülmez" userId="3594cd17-5953-4511-8d53-8cfc799250e7" providerId="ADAL" clId="{0EFC41D1-6E36-435B-973A-7835D0983ADF}" dt="2025-05-09T07:25:18.128" v="1254" actId="1036"/>
          <ac:picMkLst>
            <pc:docMk/>
            <pc:sldMk cId="1412824670" sldId="689"/>
            <ac:picMk id="3" creationId="{2DF3A340-DF32-5298-7D20-ABFEC0F5C785}"/>
          </ac:picMkLst>
        </pc:picChg>
        <pc:picChg chg="add mod">
          <ac:chgData name="Merve Gülmez" userId="3594cd17-5953-4511-8d53-8cfc799250e7" providerId="ADAL" clId="{0EFC41D1-6E36-435B-973A-7835D0983ADF}" dt="2025-05-07T19:17:06.412" v="880"/>
          <ac:picMkLst>
            <pc:docMk/>
            <pc:sldMk cId="1412824670" sldId="689"/>
            <ac:picMk id="7" creationId="{EC6B5FD6-3D3B-58E7-27F9-FD8562EBEEF1}"/>
          </ac:picMkLst>
        </pc:picChg>
      </pc:sldChg>
      <pc:sldChg chg="del">
        <pc:chgData name="Merve Gülmez" userId="3594cd17-5953-4511-8d53-8cfc799250e7" providerId="ADAL" clId="{0EFC41D1-6E36-435B-973A-7835D0983ADF}" dt="2025-05-07T19:36:43.442" v="1104" actId="47"/>
        <pc:sldMkLst>
          <pc:docMk/>
          <pc:sldMk cId="620166863" sldId="690"/>
        </pc:sldMkLst>
      </pc:sldChg>
      <pc:sldChg chg="modSp mod">
        <pc:chgData name="Merve Gülmez" userId="3594cd17-5953-4511-8d53-8cfc799250e7" providerId="ADAL" clId="{0EFC41D1-6E36-435B-973A-7835D0983ADF}" dt="2025-05-09T08:24:22.707" v="1861"/>
        <pc:sldMkLst>
          <pc:docMk/>
          <pc:sldMk cId="1320901534" sldId="691"/>
        </pc:sldMkLst>
        <pc:spChg chg="mod">
          <ac:chgData name="Merve Gülmez" userId="3594cd17-5953-4511-8d53-8cfc799250e7" providerId="ADAL" clId="{0EFC41D1-6E36-435B-973A-7835D0983ADF}" dt="2025-05-09T08:24:22.707" v="1859" actId="790"/>
          <ac:spMkLst>
            <pc:docMk/>
            <pc:sldMk cId="1320901534" sldId="691"/>
            <ac:spMk id="8" creationId="{A28BBE29-EABE-44CB-B6D9-7B2756C55A67}"/>
          </ac:spMkLst>
        </pc:spChg>
        <pc:spChg chg="mod">
          <ac:chgData name="Merve Gülmez" userId="3594cd17-5953-4511-8d53-8cfc799250e7" providerId="ADAL" clId="{0EFC41D1-6E36-435B-973A-7835D0983ADF}" dt="2025-05-09T08:24:22.707" v="1860" actId="790"/>
          <ac:spMkLst>
            <pc:docMk/>
            <pc:sldMk cId="1320901534" sldId="691"/>
            <ac:spMk id="54" creationId="{BBB032EF-C7F9-E8CE-36F6-37D8B5DD8ED4}"/>
          </ac:spMkLst>
        </pc:spChg>
        <pc:spChg chg="mod">
          <ac:chgData name="Merve Gülmez" userId="3594cd17-5953-4511-8d53-8cfc799250e7" providerId="ADAL" clId="{0EFC41D1-6E36-435B-973A-7835D0983ADF}" dt="2025-05-09T08:24:22.707" v="1861"/>
          <ac:spMkLst>
            <pc:docMk/>
            <pc:sldMk cId="1320901534" sldId="691"/>
            <ac:spMk id="57" creationId="{7B77CB51-694B-CCA5-B5D7-E2BDF844A0D4}"/>
          </ac:spMkLst>
        </pc:spChg>
      </pc:sldChg>
      <pc:sldChg chg="modSp mod">
        <pc:chgData name="Merve Gülmez" userId="3594cd17-5953-4511-8d53-8cfc799250e7" providerId="ADAL" clId="{0EFC41D1-6E36-435B-973A-7835D0983ADF}" dt="2025-05-09T08:24:22.722" v="1882"/>
        <pc:sldMkLst>
          <pc:docMk/>
          <pc:sldMk cId="789133569" sldId="692"/>
        </pc:sldMkLst>
        <pc:spChg chg="mod">
          <ac:chgData name="Merve Gülmez" userId="3594cd17-5953-4511-8d53-8cfc799250e7" providerId="ADAL" clId="{0EFC41D1-6E36-435B-973A-7835D0983ADF}" dt="2025-05-09T08:24:22.722" v="1879" actId="790"/>
          <ac:spMkLst>
            <pc:docMk/>
            <pc:sldMk cId="789133569" sldId="692"/>
            <ac:spMk id="8" creationId="{A28BBE29-EABE-44CB-B6D9-7B2756C55A67}"/>
          </ac:spMkLst>
        </pc:spChg>
        <pc:spChg chg="mod">
          <ac:chgData name="Merve Gülmez" userId="3594cd17-5953-4511-8d53-8cfc799250e7" providerId="ADAL" clId="{0EFC41D1-6E36-435B-973A-7835D0983ADF}" dt="2025-05-09T08:24:22.722" v="1880" actId="790"/>
          <ac:spMkLst>
            <pc:docMk/>
            <pc:sldMk cId="789133569" sldId="692"/>
            <ac:spMk id="54" creationId="{BBB032EF-C7F9-E8CE-36F6-37D8B5DD8ED4}"/>
          </ac:spMkLst>
        </pc:spChg>
        <pc:spChg chg="mod">
          <ac:chgData name="Merve Gülmez" userId="3594cd17-5953-4511-8d53-8cfc799250e7" providerId="ADAL" clId="{0EFC41D1-6E36-435B-973A-7835D0983ADF}" dt="2025-05-09T08:24:22.722" v="1881"/>
          <ac:spMkLst>
            <pc:docMk/>
            <pc:sldMk cId="789133569" sldId="692"/>
            <ac:spMk id="55" creationId="{C04AFEE3-6D78-4054-1C7C-F9BAF0A061DA}"/>
          </ac:spMkLst>
        </pc:spChg>
        <pc:spChg chg="mod">
          <ac:chgData name="Merve Gülmez" userId="3594cd17-5953-4511-8d53-8cfc799250e7" providerId="ADAL" clId="{0EFC41D1-6E36-435B-973A-7835D0983ADF}" dt="2025-05-09T08:24:22.722" v="1882"/>
          <ac:spMkLst>
            <pc:docMk/>
            <pc:sldMk cId="789133569" sldId="692"/>
            <ac:spMk id="58" creationId="{ACD48A52-9D36-ED5B-08E0-D5068C4A262B}"/>
          </ac:spMkLst>
        </pc:spChg>
      </pc:sldChg>
      <pc:sldChg chg="modSp mod">
        <pc:chgData name="Merve Gülmez" userId="3594cd17-5953-4511-8d53-8cfc799250e7" providerId="ADAL" clId="{0EFC41D1-6E36-435B-973A-7835D0983ADF}" dt="2025-05-09T08:24:22.738" v="1891"/>
        <pc:sldMkLst>
          <pc:docMk/>
          <pc:sldMk cId="3096116539" sldId="693"/>
        </pc:sldMkLst>
        <pc:spChg chg="mod">
          <ac:chgData name="Merve Gülmez" userId="3594cd17-5953-4511-8d53-8cfc799250e7" providerId="ADAL" clId="{0EFC41D1-6E36-435B-973A-7835D0983ADF}" dt="2025-05-09T08:24:22.738" v="1887" actId="790"/>
          <ac:spMkLst>
            <pc:docMk/>
            <pc:sldMk cId="3096116539" sldId="693"/>
            <ac:spMk id="8" creationId="{A28BBE29-EABE-44CB-B6D9-7B2756C55A67}"/>
          </ac:spMkLst>
        </pc:spChg>
        <pc:spChg chg="mod">
          <ac:chgData name="Merve Gülmez" userId="3594cd17-5953-4511-8d53-8cfc799250e7" providerId="ADAL" clId="{0EFC41D1-6E36-435B-973A-7835D0983ADF}" dt="2025-05-09T08:24:22.738" v="1888" actId="790"/>
          <ac:spMkLst>
            <pc:docMk/>
            <pc:sldMk cId="3096116539" sldId="693"/>
            <ac:spMk id="54" creationId="{BBB032EF-C7F9-E8CE-36F6-37D8B5DD8ED4}"/>
          </ac:spMkLst>
        </pc:spChg>
        <pc:spChg chg="mod">
          <ac:chgData name="Merve Gülmez" userId="3594cd17-5953-4511-8d53-8cfc799250e7" providerId="ADAL" clId="{0EFC41D1-6E36-435B-973A-7835D0983ADF}" dt="2025-05-09T08:24:22.738" v="1889" actId="790"/>
          <ac:spMkLst>
            <pc:docMk/>
            <pc:sldMk cId="3096116539" sldId="693"/>
            <ac:spMk id="55" creationId="{C04AFEE3-6D78-4054-1C7C-F9BAF0A061DA}"/>
          </ac:spMkLst>
        </pc:spChg>
        <pc:spChg chg="mod">
          <ac:chgData name="Merve Gülmez" userId="3594cd17-5953-4511-8d53-8cfc799250e7" providerId="ADAL" clId="{0EFC41D1-6E36-435B-973A-7835D0983ADF}" dt="2025-05-09T08:24:22.738" v="1890"/>
          <ac:spMkLst>
            <pc:docMk/>
            <pc:sldMk cId="3096116539" sldId="693"/>
            <ac:spMk id="56" creationId="{21813612-ACB2-85F5-C587-9E36087780FC}"/>
          </ac:spMkLst>
        </pc:spChg>
        <pc:spChg chg="mod">
          <ac:chgData name="Merve Gülmez" userId="3594cd17-5953-4511-8d53-8cfc799250e7" providerId="ADAL" clId="{0EFC41D1-6E36-435B-973A-7835D0983ADF}" dt="2025-05-09T08:24:22.738" v="1891"/>
          <ac:spMkLst>
            <pc:docMk/>
            <pc:sldMk cId="3096116539" sldId="693"/>
            <ac:spMk id="59" creationId="{892B0C70-EE99-D218-241E-DE55BB8D7773}"/>
          </ac:spMkLst>
        </pc:spChg>
      </pc:sldChg>
      <pc:sldChg chg="addSp delSp modSp mod">
        <pc:chgData name="Merve Gülmez" userId="3594cd17-5953-4511-8d53-8cfc799250e7" providerId="ADAL" clId="{0EFC41D1-6E36-435B-973A-7835D0983ADF}" dt="2025-05-09T08:24:22.747" v="1893" actId="790"/>
        <pc:sldMkLst>
          <pc:docMk/>
          <pc:sldMk cId="3702663385" sldId="694"/>
        </pc:sldMkLst>
        <pc:spChg chg="mod">
          <ac:chgData name="Merve Gülmez" userId="3594cd17-5953-4511-8d53-8cfc799250e7" providerId="ADAL" clId="{0EFC41D1-6E36-435B-973A-7835D0983ADF}" dt="2025-05-09T08:24:22.738" v="1892" actId="790"/>
          <ac:spMkLst>
            <pc:docMk/>
            <pc:sldMk cId="3702663385" sldId="694"/>
            <ac:spMk id="2" creationId="{7774CEFA-F560-4FD7-5D34-416D384B1D37}"/>
          </ac:spMkLst>
        </pc:spChg>
        <pc:spChg chg="del">
          <ac:chgData name="Merve Gülmez" userId="3594cd17-5953-4511-8d53-8cfc799250e7" providerId="ADAL" clId="{0EFC41D1-6E36-435B-973A-7835D0983ADF}" dt="2025-05-07T19:38:54.841" v="1115" actId="478"/>
          <ac:spMkLst>
            <pc:docMk/>
            <pc:sldMk cId="3702663385" sldId="694"/>
            <ac:spMk id="3" creationId="{A838B7FF-2E25-E5C8-4605-12B4797F4C46}"/>
          </ac:spMkLst>
        </pc:spChg>
        <pc:spChg chg="del mod">
          <ac:chgData name="Merve Gülmez" userId="3594cd17-5953-4511-8d53-8cfc799250e7" providerId="ADAL" clId="{0EFC41D1-6E36-435B-973A-7835D0983ADF}" dt="2025-05-07T19:38:51.632" v="1114" actId="478"/>
          <ac:spMkLst>
            <pc:docMk/>
            <pc:sldMk cId="3702663385" sldId="694"/>
            <ac:spMk id="5" creationId="{F3AF2932-1EFC-7801-4063-CD9B3D054109}"/>
          </ac:spMkLst>
        </pc:spChg>
        <pc:spChg chg="mod">
          <ac:chgData name="Merve Gülmez" userId="3594cd17-5953-4511-8d53-8cfc799250e7" providerId="ADAL" clId="{0EFC41D1-6E36-435B-973A-7835D0983ADF}" dt="2025-05-09T08:24:22.747" v="1893" actId="790"/>
          <ac:spMkLst>
            <pc:docMk/>
            <pc:sldMk cId="3702663385" sldId="694"/>
            <ac:spMk id="9" creationId="{E9985FA6-9F56-0FA8-BD45-CD154E0B31D8}"/>
          </ac:spMkLst>
        </pc:spChg>
        <pc:picChg chg="del">
          <ac:chgData name="Merve Gülmez" userId="3594cd17-5953-4511-8d53-8cfc799250e7" providerId="ADAL" clId="{0EFC41D1-6E36-435B-973A-7835D0983ADF}" dt="2025-05-08T07:41:19.256" v="1122" actId="478"/>
          <ac:picMkLst>
            <pc:docMk/>
            <pc:sldMk cId="3702663385" sldId="694"/>
            <ac:picMk id="4" creationId="{C524658A-6B0F-FB5F-2EBF-7DCCD0A7271D}"/>
          </ac:picMkLst>
        </pc:picChg>
        <pc:picChg chg="add mod">
          <ac:chgData name="Merve Gülmez" userId="3594cd17-5953-4511-8d53-8cfc799250e7" providerId="ADAL" clId="{0EFC41D1-6E36-435B-973A-7835D0983ADF}" dt="2025-05-08T07:41:36.006" v="1126" actId="1076"/>
          <ac:picMkLst>
            <pc:docMk/>
            <pc:sldMk cId="3702663385" sldId="694"/>
            <ac:picMk id="8" creationId="{66207D07-8E43-FE5F-45B4-915F55FFD271}"/>
          </ac:picMkLst>
        </pc:picChg>
      </pc:sldChg>
      <pc:sldChg chg="addSp delSp modSp add mod">
        <pc:chgData name="Merve Gülmez" userId="3594cd17-5953-4511-8d53-8cfc799250e7" providerId="ADAL" clId="{0EFC41D1-6E36-435B-973A-7835D0983ADF}" dt="2025-05-09T08:24:22.738" v="1886" actId="790"/>
        <pc:sldMkLst>
          <pc:docMk/>
          <pc:sldMk cId="1857521638" sldId="695"/>
        </pc:sldMkLst>
        <pc:spChg chg="mod">
          <ac:chgData name="Merve Gülmez" userId="3594cd17-5953-4511-8d53-8cfc799250e7" providerId="ADAL" clId="{0EFC41D1-6E36-435B-973A-7835D0983ADF}" dt="2025-05-09T08:24:22.722" v="1883" actId="790"/>
          <ac:spMkLst>
            <pc:docMk/>
            <pc:sldMk cId="1857521638" sldId="695"/>
            <ac:spMk id="6" creationId="{86FFCCE9-362C-38A2-9CC8-375925537438}"/>
          </ac:spMkLst>
        </pc:spChg>
        <pc:spChg chg="mod">
          <ac:chgData name="Merve Gülmez" userId="3594cd17-5953-4511-8d53-8cfc799250e7" providerId="ADAL" clId="{0EFC41D1-6E36-435B-973A-7835D0983ADF}" dt="2025-05-09T08:24:22.722" v="1884" actId="790"/>
          <ac:spMkLst>
            <pc:docMk/>
            <pc:sldMk cId="1857521638" sldId="695"/>
            <ac:spMk id="8" creationId="{6DFA0170-1209-3CAE-1994-BE2729F8E6E3}"/>
          </ac:spMkLst>
        </pc:spChg>
        <pc:spChg chg="add mod">
          <ac:chgData name="Merve Gülmez" userId="3594cd17-5953-4511-8d53-8cfc799250e7" providerId="ADAL" clId="{0EFC41D1-6E36-435B-973A-7835D0983ADF}" dt="2025-05-09T08:24:22.722" v="1885" actId="790"/>
          <ac:spMkLst>
            <pc:docMk/>
            <pc:sldMk cId="1857521638" sldId="695"/>
            <ac:spMk id="9" creationId="{2F8C17EF-B365-A80E-BF89-82FEC0449F1E}"/>
          </ac:spMkLst>
        </pc:spChg>
        <pc:spChg chg="add mod">
          <ac:chgData name="Merve Gülmez" userId="3594cd17-5953-4511-8d53-8cfc799250e7" providerId="ADAL" clId="{0EFC41D1-6E36-435B-973A-7835D0983ADF}" dt="2025-05-09T08:24:22.738" v="1886" actId="790"/>
          <ac:spMkLst>
            <pc:docMk/>
            <pc:sldMk cId="1857521638" sldId="695"/>
            <ac:spMk id="10" creationId="{729A512B-DF0E-9520-C923-890203364AD9}"/>
          </ac:spMkLst>
        </pc:spChg>
        <pc:picChg chg="add del mod">
          <ac:chgData name="Merve Gülmez" userId="3594cd17-5953-4511-8d53-8cfc799250e7" providerId="ADAL" clId="{0EFC41D1-6E36-435B-973A-7835D0983ADF}" dt="2025-05-08T20:52:44.217" v="1225" actId="478"/>
          <ac:picMkLst>
            <pc:docMk/>
            <pc:sldMk cId="1857521638" sldId="695"/>
            <ac:picMk id="3" creationId="{BB7E10E8-B62C-6BD5-0BAB-5CBCAB994334}"/>
          </ac:picMkLst>
        </pc:picChg>
        <pc:picChg chg="del">
          <ac:chgData name="Merve Gülmez" userId="3594cd17-5953-4511-8d53-8cfc799250e7" providerId="ADAL" clId="{0EFC41D1-6E36-435B-973A-7835D0983ADF}" dt="2025-05-06T08:30:15.923" v="458" actId="478"/>
          <ac:picMkLst>
            <pc:docMk/>
            <pc:sldMk cId="1857521638" sldId="695"/>
            <ac:picMk id="5" creationId="{023CCEA1-2C4E-3084-C314-4CC6B6355EA9}"/>
          </ac:picMkLst>
        </pc:picChg>
        <pc:picChg chg="add del mod">
          <ac:chgData name="Merve Gülmez" userId="3594cd17-5953-4511-8d53-8cfc799250e7" providerId="ADAL" clId="{0EFC41D1-6E36-435B-973A-7835D0983ADF}" dt="2025-05-08T20:51:22.027" v="1210" actId="478"/>
          <ac:picMkLst>
            <pc:docMk/>
            <pc:sldMk cId="1857521638" sldId="695"/>
            <ac:picMk id="7" creationId="{A635332A-A75C-42BA-E203-5623823B095E}"/>
          </ac:picMkLst>
        </pc:picChg>
        <pc:picChg chg="add mod">
          <ac:chgData name="Merve Gülmez" userId="3594cd17-5953-4511-8d53-8cfc799250e7" providerId="ADAL" clId="{0EFC41D1-6E36-435B-973A-7835D0983ADF}" dt="2025-05-08T20:52:30.522" v="1224" actId="14100"/>
          <ac:picMkLst>
            <pc:docMk/>
            <pc:sldMk cId="1857521638" sldId="695"/>
            <ac:picMk id="12" creationId="{6A517CF9-4D06-0EEC-6ABA-8A596F2B006B}"/>
          </ac:picMkLst>
        </pc:picChg>
        <pc:picChg chg="add mod">
          <ac:chgData name="Merve Gülmez" userId="3594cd17-5953-4511-8d53-8cfc799250e7" providerId="ADAL" clId="{0EFC41D1-6E36-435B-973A-7835D0983ADF}" dt="2025-05-08T20:53:04.717" v="1233" actId="1076"/>
          <ac:picMkLst>
            <pc:docMk/>
            <pc:sldMk cId="1857521638" sldId="695"/>
            <ac:picMk id="14" creationId="{D074E214-3C19-4774-EA8A-901D8BD4EB8C}"/>
          </ac:picMkLst>
        </pc:picChg>
      </pc:sldChg>
      <pc:sldChg chg="add del">
        <pc:chgData name="Merve Gülmez" userId="3594cd17-5953-4511-8d53-8cfc799250e7" providerId="ADAL" clId="{0EFC41D1-6E36-435B-973A-7835D0983ADF}" dt="2025-05-06T08:30:19.805" v="460"/>
        <pc:sldMkLst>
          <pc:docMk/>
          <pc:sldMk cId="374545220" sldId="696"/>
        </pc:sldMkLst>
      </pc:sldChg>
      <pc:sldMasterChg chg="modSp mod delSldLayout modSldLayout">
        <pc:chgData name="Merve Gülmez" userId="3594cd17-5953-4511-8d53-8cfc799250e7" providerId="ADAL" clId="{0EFC41D1-6E36-435B-973A-7835D0983ADF}" dt="2025-05-09T08:24:23.194" v="2089" actId="20577"/>
        <pc:sldMasterMkLst>
          <pc:docMk/>
          <pc:sldMasterMk cId="2523064765" sldId="2147483660"/>
        </pc:sldMasterMkLst>
        <pc:spChg chg="mod">
          <ac:chgData name="Merve Gülmez" userId="3594cd17-5953-4511-8d53-8cfc799250e7" providerId="ADAL" clId="{0EFC41D1-6E36-435B-973A-7835D0983ADF}" dt="2025-05-09T08:24:23.084" v="2009" actId="790"/>
          <ac:spMkLst>
            <pc:docMk/>
            <pc:sldMasterMk cId="2523064765" sldId="2147483660"/>
            <ac:spMk id="8" creationId="{483145CE-A2DE-4236-A4F9-8AE088671CA5}"/>
          </ac:spMkLst>
        </pc:spChg>
        <pc:spChg chg="mod">
          <ac:chgData name="Merve Gülmez" userId="3594cd17-5953-4511-8d53-8cfc799250e7" providerId="ADAL" clId="{0EFC41D1-6E36-435B-973A-7835D0983ADF}" dt="2025-05-09T08:24:23.084" v="2008" actId="790"/>
          <ac:spMkLst>
            <pc:docMk/>
            <pc:sldMasterMk cId="2523064765" sldId="2147483660"/>
            <ac:spMk id="21506" creationId="{00000000-0000-0000-0000-000000000000}"/>
          </ac:spMkLst>
        </pc:spChg>
        <pc:sldLayoutChg chg="modSp mod">
          <pc:chgData name="Merve Gülmez" userId="3594cd17-5953-4511-8d53-8cfc799250e7" providerId="ADAL" clId="{0EFC41D1-6E36-435B-973A-7835D0983ADF}" dt="2025-05-09T08:24:23.115" v="2013" actId="20577"/>
          <pc:sldLayoutMkLst>
            <pc:docMk/>
            <pc:sldMasterMk cId="2523064765" sldId="2147483660"/>
            <pc:sldLayoutMk cId="1374575616" sldId="2147483661"/>
          </pc:sldLayoutMkLst>
          <pc:spChg chg="mod">
            <ac:chgData name="Merve Gülmez" userId="3594cd17-5953-4511-8d53-8cfc799250e7" providerId="ADAL" clId="{0EFC41D1-6E36-435B-973A-7835D0983ADF}" dt="2025-05-09T08:24:22.785" v="1902" actId="790"/>
            <ac:spMkLst>
              <pc:docMk/>
              <pc:sldMasterMk cId="2523064765" sldId="2147483660"/>
              <pc:sldLayoutMk cId="1374575616" sldId="2147483661"/>
              <ac:spMk id="3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3.115" v="2013" actId="20577"/>
            <ac:spMkLst>
              <pc:docMk/>
              <pc:sldMasterMk cId="2523064765" sldId="2147483660"/>
              <pc:sldLayoutMk cId="1374575616" sldId="2147483661"/>
              <ac:spMk id="9" creationId="{72C1EE1F-EF94-4EBA-A010-8BC3D2F38C39}"/>
            </ac:spMkLst>
          </pc:spChg>
          <pc:spChg chg="mod">
            <ac:chgData name="Merve Gülmez" userId="3594cd17-5953-4511-8d53-8cfc799250e7" providerId="ADAL" clId="{0EFC41D1-6E36-435B-973A-7835D0983ADF}" dt="2025-05-09T08:24:22.785" v="1903" actId="790"/>
            <ac:spMkLst>
              <pc:docMk/>
              <pc:sldMasterMk cId="2523064765" sldId="2147483660"/>
              <pc:sldLayoutMk cId="1374575616" sldId="2147483661"/>
              <ac:spMk id="12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785" v="1904" actId="790"/>
            <ac:spMkLst>
              <pc:docMk/>
              <pc:sldMasterMk cId="2523064765" sldId="2147483660"/>
              <pc:sldLayoutMk cId="1374575616" sldId="2147483661"/>
              <ac:spMk id="15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785" v="1901" actId="790"/>
            <ac:spMkLst>
              <pc:docMk/>
              <pc:sldMasterMk cId="2523064765" sldId="2147483660"/>
              <pc:sldLayoutMk cId="1374575616" sldId="2147483661"/>
              <ac:spMk id="22530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754" v="1900" actId="790"/>
            <ac:spMkLst>
              <pc:docMk/>
              <pc:sldMasterMk cId="2523064765" sldId="2147483660"/>
              <pc:sldLayoutMk cId="1374575616" sldId="2147483661"/>
              <ac:spMk id="22531" creationId="{00000000-0000-0000-0000-000000000000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48" v="2029" actId="20577"/>
          <pc:sldLayoutMkLst>
            <pc:docMk/>
            <pc:sldMasterMk cId="2523064765" sldId="2147483660"/>
            <pc:sldLayoutMk cId="3415456144" sldId="2147483673"/>
          </pc:sldLayoutMkLst>
          <pc:spChg chg="mod">
            <ac:chgData name="Merve Gülmez" userId="3594cd17-5953-4511-8d53-8cfc799250e7" providerId="ADAL" clId="{0EFC41D1-6E36-435B-973A-7835D0983ADF}" dt="2025-05-09T08:24:23.148" v="2029" actId="20577"/>
            <ac:spMkLst>
              <pc:docMk/>
              <pc:sldMasterMk cId="2523064765" sldId="2147483660"/>
              <pc:sldLayoutMk cId="3415456144" sldId="2147483673"/>
              <ac:spMk id="3" creationId="{C44ECCE6-4D94-443E-8C20-CA233A5C0572}"/>
            </ac:spMkLst>
          </pc:spChg>
          <pc:spChg chg="mod">
            <ac:chgData name="Merve Gülmez" userId="3594cd17-5953-4511-8d53-8cfc799250e7" providerId="ADAL" clId="{0EFC41D1-6E36-435B-973A-7835D0983ADF}" dt="2025-05-09T08:24:22.801" v="1916" actId="790"/>
            <ac:spMkLst>
              <pc:docMk/>
              <pc:sldMasterMk cId="2523064765" sldId="2147483660"/>
              <pc:sldLayoutMk cId="3415456144" sldId="2147483673"/>
              <ac:spMk id="4" creationId="{00000000-0000-0000-0000-000000000000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63" v="2053" actId="20577"/>
          <pc:sldLayoutMkLst>
            <pc:docMk/>
            <pc:sldMasterMk cId="2523064765" sldId="2147483660"/>
            <pc:sldLayoutMk cId="675883818" sldId="2147483675"/>
          </pc:sldLayoutMkLst>
          <pc:spChg chg="mod">
            <ac:chgData name="Merve Gülmez" userId="3594cd17-5953-4511-8d53-8cfc799250e7" providerId="ADAL" clId="{0EFC41D1-6E36-435B-973A-7835D0983ADF}" dt="2025-05-09T08:24:22.832" v="1936" actId="790"/>
            <ac:spMkLst>
              <pc:docMk/>
              <pc:sldMasterMk cId="2523064765" sldId="2147483660"/>
              <pc:sldLayoutMk cId="675883818" sldId="2147483675"/>
              <ac:spMk id="3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32" v="1937" actId="790"/>
            <ac:spMkLst>
              <pc:docMk/>
              <pc:sldMasterMk cId="2523064765" sldId="2147483660"/>
              <pc:sldLayoutMk cId="675883818" sldId="2147483675"/>
              <ac:spMk id="5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32" v="1935" actId="790"/>
            <ac:spMkLst>
              <pc:docMk/>
              <pc:sldMasterMk cId="2523064765" sldId="2147483660"/>
              <pc:sldLayoutMk cId="675883818" sldId="2147483675"/>
              <ac:spMk id="6" creationId="{891BF4C4-9DF9-4D9F-A738-37FBCD45AA68}"/>
            </ac:spMkLst>
          </pc:spChg>
          <pc:spChg chg="mod">
            <ac:chgData name="Merve Gülmez" userId="3594cd17-5953-4511-8d53-8cfc799250e7" providerId="ADAL" clId="{0EFC41D1-6E36-435B-973A-7835D0983ADF}" dt="2025-05-09T08:24:23.163" v="2053" actId="20577"/>
            <ac:spMkLst>
              <pc:docMk/>
              <pc:sldMasterMk cId="2523064765" sldId="2147483660"/>
              <pc:sldLayoutMk cId="675883818" sldId="2147483675"/>
              <ac:spMk id="8" creationId="{53797230-5A6C-4718-8C90-CB9F2709B382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79" v="2069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Merve Gülmez" userId="3594cd17-5953-4511-8d53-8cfc799250e7" providerId="ADAL" clId="{0EFC41D1-6E36-435B-973A-7835D0983ADF}" dt="2025-05-09T08:24:22.864" v="1956" actId="790"/>
            <ac:spMkLst>
              <pc:docMk/>
              <pc:sldMasterMk cId="2523064765" sldId="2147483660"/>
              <pc:sldLayoutMk cId="2275899235" sldId="2147483678"/>
              <ac:spMk id="4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64" v="1957" actId="790"/>
            <ac:spMkLst>
              <pc:docMk/>
              <pc:sldMasterMk cId="2523064765" sldId="2147483660"/>
              <pc:sldLayoutMk cId="2275899235" sldId="2147483678"/>
              <ac:spMk id="6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64" v="1955" actId="790"/>
            <ac:spMkLst>
              <pc:docMk/>
              <pc:sldMasterMk cId="2523064765" sldId="2147483660"/>
              <pc:sldLayoutMk cId="2275899235" sldId="2147483678"/>
              <ac:spMk id="7" creationId="{F4D71A67-F349-4E68-B7B8-D53CE323A764}"/>
            </ac:spMkLst>
          </pc:spChg>
          <pc:spChg chg="mod">
            <ac:chgData name="Merve Gülmez" userId="3594cd17-5953-4511-8d53-8cfc799250e7" providerId="ADAL" clId="{0EFC41D1-6E36-435B-973A-7835D0983ADF}" dt="2025-05-09T08:24:22.864" v="1958" actId="790"/>
            <ac:spMkLst>
              <pc:docMk/>
              <pc:sldMasterMk cId="2523064765" sldId="2147483660"/>
              <pc:sldLayoutMk cId="2275899235" sldId="2147483678"/>
              <ac:spMk id="8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64" v="1959" actId="790"/>
            <ac:spMkLst>
              <pc:docMk/>
              <pc:sldMasterMk cId="2523064765" sldId="2147483660"/>
              <pc:sldLayoutMk cId="2275899235" sldId="2147483678"/>
              <ac:spMk id="9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3.179" v="2069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94" v="2085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Merve Gülmez" userId="3594cd17-5953-4511-8d53-8cfc799250e7" providerId="ADAL" clId="{0EFC41D1-6E36-435B-973A-7835D0983ADF}" dt="2025-05-09T08:24:22.911" v="1982" actId="790"/>
            <ac:spMkLst>
              <pc:docMk/>
              <pc:sldMasterMk cId="2523064765" sldId="2147483660"/>
              <pc:sldLayoutMk cId="1436988196" sldId="2147483681"/>
              <ac:spMk id="3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11" v="1983" actId="790"/>
            <ac:spMkLst>
              <pc:docMk/>
              <pc:sldMasterMk cId="2523064765" sldId="2147483660"/>
              <pc:sldLayoutMk cId="1436988196" sldId="2147483681"/>
              <ac:spMk id="4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11" v="1984" actId="790"/>
            <ac:spMkLst>
              <pc:docMk/>
              <pc:sldMasterMk cId="2523064765" sldId="2147483660"/>
              <pc:sldLayoutMk cId="1436988196" sldId="2147483681"/>
              <ac:spMk id="5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11" v="1985" actId="790"/>
            <ac:spMkLst>
              <pc:docMk/>
              <pc:sldMasterMk cId="2523064765" sldId="2147483660"/>
              <pc:sldLayoutMk cId="1436988196" sldId="2147483681"/>
              <ac:spMk id="6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11" v="1987" actId="790"/>
            <ac:spMkLst>
              <pc:docMk/>
              <pc:sldMasterMk cId="2523064765" sldId="2147483660"/>
              <pc:sldLayoutMk cId="1436988196" sldId="2147483681"/>
              <ac:spMk id="8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11" v="1986" actId="790"/>
            <ac:spMkLst>
              <pc:docMk/>
              <pc:sldMasterMk cId="2523064765" sldId="2147483660"/>
              <pc:sldLayoutMk cId="1436988196" sldId="2147483681"/>
              <ac:spMk id="9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11" v="1989" actId="790"/>
            <ac:spMkLst>
              <pc:docMk/>
              <pc:sldMasterMk cId="2523064765" sldId="2147483660"/>
              <pc:sldLayoutMk cId="1436988196" sldId="2147483681"/>
              <ac:spMk id="10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11" v="1988" actId="790"/>
            <ac:spMkLst>
              <pc:docMk/>
              <pc:sldMasterMk cId="2523064765" sldId="2147483660"/>
              <pc:sldLayoutMk cId="1436988196" sldId="2147483681"/>
              <ac:spMk id="11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95" v="1981" actId="790"/>
            <ac:spMkLst>
              <pc:docMk/>
              <pc:sldMasterMk cId="2523064765" sldId="2147483660"/>
              <pc:sldLayoutMk cId="1436988196" sldId="2147483681"/>
              <ac:spMk id="13" creationId="{99858DC4-E787-41D2-A613-961D60F89117}"/>
            </ac:spMkLst>
          </pc:spChg>
          <pc:spChg chg="mod">
            <ac:chgData name="Merve Gülmez" userId="3594cd17-5953-4511-8d53-8cfc799250e7" providerId="ADAL" clId="{0EFC41D1-6E36-435B-973A-7835D0983ADF}" dt="2025-05-09T08:24:23.194" v="2085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94" v="2077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Merve Gülmez" userId="3594cd17-5953-4511-8d53-8cfc799250e7" providerId="ADAL" clId="{0EFC41D1-6E36-435B-973A-7835D0983ADF}" dt="2025-05-09T08:24:22.880" v="1969" actId="790"/>
            <ac:spMkLst>
              <pc:docMk/>
              <pc:sldMasterMk cId="2523064765" sldId="2147483660"/>
              <pc:sldLayoutMk cId="2548612008" sldId="2147483690"/>
              <ac:spMk id="3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80" v="1970" actId="790"/>
            <ac:spMkLst>
              <pc:docMk/>
              <pc:sldMasterMk cId="2523064765" sldId="2147483660"/>
              <pc:sldLayoutMk cId="2548612008" sldId="2147483690"/>
              <ac:spMk id="4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80" v="1971" actId="790"/>
            <ac:spMkLst>
              <pc:docMk/>
              <pc:sldMasterMk cId="2523064765" sldId="2147483660"/>
              <pc:sldLayoutMk cId="2548612008" sldId="2147483690"/>
              <ac:spMk id="6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95" v="1972" actId="790"/>
            <ac:spMkLst>
              <pc:docMk/>
              <pc:sldMasterMk cId="2523064765" sldId="2147483660"/>
              <pc:sldLayoutMk cId="2548612008" sldId="2147483690"/>
              <ac:spMk id="7" creationId="{5BD2C41D-0700-4885-AB77-25AFFE4E1FDA}"/>
            </ac:spMkLst>
          </pc:spChg>
          <pc:spChg chg="mod">
            <ac:chgData name="Merve Gülmez" userId="3594cd17-5953-4511-8d53-8cfc799250e7" providerId="ADAL" clId="{0EFC41D1-6E36-435B-973A-7835D0983ADF}" dt="2025-05-09T08:24:22.880" v="1968" actId="790"/>
            <ac:spMkLst>
              <pc:docMk/>
              <pc:sldMasterMk cId="2523064765" sldId="2147483660"/>
              <pc:sldLayoutMk cId="2548612008" sldId="2147483690"/>
              <ac:spMk id="9" creationId="{2C948968-FB06-45CC-8259-6BDE4430EACB}"/>
            </ac:spMkLst>
          </pc:spChg>
          <pc:spChg chg="mod">
            <ac:chgData name="Merve Gülmez" userId="3594cd17-5953-4511-8d53-8cfc799250e7" providerId="ADAL" clId="{0EFC41D1-6E36-435B-973A-7835D0983ADF}" dt="2025-05-09T08:24:23.194" v="2077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2.942" v="2002" actId="790"/>
          <pc:sldLayoutMkLst>
            <pc:docMk/>
            <pc:sldMasterMk cId="2523064765" sldId="2147483660"/>
            <pc:sldLayoutMk cId="576168519" sldId="2147483692"/>
          </pc:sldLayoutMkLst>
          <pc:spChg chg="mod">
            <ac:chgData name="Merve Gülmez" userId="3594cd17-5953-4511-8d53-8cfc799250e7" providerId="ADAL" clId="{0EFC41D1-6E36-435B-973A-7835D0983ADF}" dt="2025-05-09T08:24:22.942" v="2002" actId="790"/>
            <ac:spMkLst>
              <pc:docMk/>
              <pc:sldMasterMk cId="2523064765" sldId="2147483660"/>
              <pc:sldLayoutMk cId="576168519" sldId="2147483692"/>
              <ac:spMk id="9" creationId="{B200748E-0B61-48E1-8B47-504C30250995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63" v="2045" actId="20577"/>
          <pc:sldLayoutMkLst>
            <pc:docMk/>
            <pc:sldMasterMk cId="2523064765" sldId="2147483660"/>
            <pc:sldLayoutMk cId="3607999529" sldId="2147483694"/>
          </pc:sldLayoutMkLst>
          <pc:spChg chg="mod">
            <ac:chgData name="Merve Gülmez" userId="3594cd17-5953-4511-8d53-8cfc799250e7" providerId="ADAL" clId="{0EFC41D1-6E36-435B-973A-7835D0983ADF}" dt="2025-05-09T08:24:22.816" v="1929" actId="790"/>
            <ac:spMkLst>
              <pc:docMk/>
              <pc:sldMasterMk cId="2523064765" sldId="2147483660"/>
              <pc:sldLayoutMk cId="3607999529" sldId="2147483694"/>
              <ac:spMk id="4" creationId="{784F54AF-EED6-486A-9ACA-42061F4AAE9A}"/>
            </ac:spMkLst>
          </pc:spChg>
          <pc:spChg chg="mod">
            <ac:chgData name="Merve Gülmez" userId="3594cd17-5953-4511-8d53-8cfc799250e7" providerId="ADAL" clId="{0EFC41D1-6E36-435B-973A-7835D0983ADF}" dt="2025-05-09T08:24:22.816" v="1928" actId="790"/>
            <ac:spMkLst>
              <pc:docMk/>
              <pc:sldMasterMk cId="2523064765" sldId="2147483660"/>
              <pc:sldLayoutMk cId="3607999529" sldId="2147483694"/>
              <ac:spMk id="6" creationId="{3F4EF873-DC0F-4698-BEC2-502DB043AA5C}"/>
            </ac:spMkLst>
          </pc:spChg>
          <pc:spChg chg="mod">
            <ac:chgData name="Merve Gülmez" userId="3594cd17-5953-4511-8d53-8cfc799250e7" providerId="ADAL" clId="{0EFC41D1-6E36-435B-973A-7835D0983ADF}" dt="2025-05-09T08:24:23.163" v="2045" actId="20577"/>
            <ac:spMkLst>
              <pc:docMk/>
              <pc:sldMasterMk cId="2523064765" sldId="2147483660"/>
              <pc:sldLayoutMk cId="3607999529" sldId="2147483694"/>
              <ac:spMk id="7" creationId="{DB8BC610-C1B0-4C6A-B5C2-80DA487CE5DE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79" v="2061" actId="20577"/>
          <pc:sldLayoutMkLst>
            <pc:docMk/>
            <pc:sldMasterMk cId="2523064765" sldId="2147483660"/>
            <pc:sldLayoutMk cId="3545725332" sldId="2147483696"/>
          </pc:sldLayoutMkLst>
          <pc:spChg chg="mod">
            <ac:chgData name="Merve Gülmez" userId="3594cd17-5953-4511-8d53-8cfc799250e7" providerId="ADAL" clId="{0EFC41D1-6E36-435B-973A-7835D0983ADF}" dt="2025-05-09T08:24:22.848" v="1945" actId="790"/>
            <ac:spMkLst>
              <pc:docMk/>
              <pc:sldMasterMk cId="2523064765" sldId="2147483660"/>
              <pc:sldLayoutMk cId="3545725332" sldId="2147483696"/>
              <ac:spMk id="6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48" v="1947" actId="790"/>
            <ac:spMkLst>
              <pc:docMk/>
              <pc:sldMasterMk cId="2523064765" sldId="2147483660"/>
              <pc:sldLayoutMk cId="3545725332" sldId="2147483696"/>
              <ac:spMk id="7" creationId="{8E3794F8-471D-4987-945F-3C29BB03AB49}"/>
            </ac:spMkLst>
          </pc:spChg>
          <pc:spChg chg="mod">
            <ac:chgData name="Merve Gülmez" userId="3594cd17-5953-4511-8d53-8cfc799250e7" providerId="ADAL" clId="{0EFC41D1-6E36-435B-973A-7835D0983ADF}" dt="2025-05-09T08:24:22.848" v="1946" actId="790"/>
            <ac:spMkLst>
              <pc:docMk/>
              <pc:sldMasterMk cId="2523064765" sldId="2147483660"/>
              <pc:sldLayoutMk cId="3545725332" sldId="2147483696"/>
              <ac:spMk id="8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3.179" v="2061" actId="20577"/>
            <ac:spMkLst>
              <pc:docMk/>
              <pc:sldMasterMk cId="2523064765" sldId="2147483660"/>
              <pc:sldLayoutMk cId="3545725332" sldId="2147483696"/>
              <ac:spMk id="9" creationId="{2C8570FA-FAA3-4EFA-A4F1-01C285AE39DE}"/>
            </ac:spMkLst>
          </pc:spChg>
          <pc:spChg chg="mod">
            <ac:chgData name="Merve Gülmez" userId="3594cd17-5953-4511-8d53-8cfc799250e7" providerId="ADAL" clId="{0EFC41D1-6E36-435B-973A-7835D0983ADF}" dt="2025-05-09T08:24:22.848" v="1944" actId="790"/>
            <ac:spMkLst>
              <pc:docMk/>
              <pc:sldMasterMk cId="2523064765" sldId="2147483660"/>
              <pc:sldLayoutMk cId="3545725332" sldId="2147483696"/>
              <ac:spMk id="10" creationId="{6B686A21-AA96-4B0A-B7CE-F4C6D5D31B32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084" v="2005" actId="790"/>
          <pc:sldLayoutMkLst>
            <pc:docMk/>
            <pc:sldMasterMk cId="2523064765" sldId="2147483660"/>
            <pc:sldLayoutMk cId="1410470591" sldId="2147483705"/>
          </pc:sldLayoutMkLst>
          <pc:spChg chg="mod">
            <ac:chgData name="Merve Gülmez" userId="3594cd17-5953-4511-8d53-8cfc799250e7" providerId="ADAL" clId="{0EFC41D1-6E36-435B-973A-7835D0983ADF}" dt="2025-05-09T08:24:23.084" v="2005" actId="790"/>
            <ac:spMkLst>
              <pc:docMk/>
              <pc:sldMasterMk cId="2523064765" sldId="2147483660"/>
              <pc:sldLayoutMk cId="1410470591" sldId="2147483705"/>
              <ac:spMk id="5" creationId="{99AF35DD-3E5E-42CB-AFA5-5E09E14F72A4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48" v="2037" actId="20577"/>
          <pc:sldLayoutMkLst>
            <pc:docMk/>
            <pc:sldMasterMk cId="2523064765" sldId="2147483660"/>
            <pc:sldLayoutMk cId="3443338964" sldId="2147483706"/>
          </pc:sldLayoutMkLst>
          <pc:spChg chg="mod">
            <ac:chgData name="Merve Gülmez" userId="3594cd17-5953-4511-8d53-8cfc799250e7" providerId="ADAL" clId="{0EFC41D1-6E36-435B-973A-7835D0983ADF}" dt="2025-05-09T08:24:22.816" v="1922" actId="790"/>
            <ac:spMkLst>
              <pc:docMk/>
              <pc:sldMasterMk cId="2523064765" sldId="2147483660"/>
              <pc:sldLayoutMk cId="3443338964" sldId="2147483706"/>
              <ac:spMk id="3" creationId="{810CFEFC-6AC8-4817-A0D3-6029D48BD293}"/>
            </ac:spMkLst>
          </pc:spChg>
          <pc:spChg chg="mod">
            <ac:chgData name="Merve Gülmez" userId="3594cd17-5953-4511-8d53-8cfc799250e7" providerId="ADAL" clId="{0EFC41D1-6E36-435B-973A-7835D0983ADF}" dt="2025-05-09T08:24:22.816" v="1921" actId="790"/>
            <ac:spMkLst>
              <pc:docMk/>
              <pc:sldMasterMk cId="2523064765" sldId="2147483660"/>
              <pc:sldLayoutMk cId="3443338964" sldId="2147483706"/>
              <ac:spMk id="5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3.148" v="2037" actId="20577"/>
            <ac:spMkLst>
              <pc:docMk/>
              <pc:sldMasterMk cId="2523064765" sldId="2147483660"/>
              <pc:sldLayoutMk cId="3443338964" sldId="2147483706"/>
              <ac:spMk id="8" creationId="{C2AD0284-E6BA-49D8-AB3F-D94DBB1D54F0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31" v="2021" actId="20577"/>
          <pc:sldLayoutMkLst>
            <pc:docMk/>
            <pc:sldMasterMk cId="2523064765" sldId="2147483660"/>
            <pc:sldLayoutMk cId="395415313" sldId="2147483707"/>
          </pc:sldLayoutMkLst>
          <pc:spChg chg="mod">
            <ac:chgData name="Merve Gülmez" userId="3594cd17-5953-4511-8d53-8cfc799250e7" providerId="ADAL" clId="{0EFC41D1-6E36-435B-973A-7835D0983ADF}" dt="2025-05-09T08:24:23.131" v="2021" actId="20577"/>
            <ac:spMkLst>
              <pc:docMk/>
              <pc:sldMasterMk cId="2523064765" sldId="2147483660"/>
              <pc:sldLayoutMk cId="395415313" sldId="2147483707"/>
              <ac:spMk id="2" creationId="{69F42FFA-3DFB-4DB2-A942-F02200203C82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31" v="2025" actId="20577"/>
          <pc:sldLayoutMkLst>
            <pc:docMk/>
            <pc:sldMasterMk cId="2523064765" sldId="2147483660"/>
            <pc:sldLayoutMk cId="3084474769" sldId="2147483709"/>
          </pc:sldLayoutMkLst>
          <pc:spChg chg="mod">
            <ac:chgData name="Merve Gülmez" userId="3594cd17-5953-4511-8d53-8cfc799250e7" providerId="ADAL" clId="{0EFC41D1-6E36-435B-973A-7835D0983ADF}" dt="2025-05-09T08:24:22.801" v="1914" actId="790"/>
            <ac:spMkLst>
              <pc:docMk/>
              <pc:sldMasterMk cId="2523064765" sldId="2147483660"/>
              <pc:sldLayoutMk cId="3084474769" sldId="2147483709"/>
              <ac:spMk id="3" creationId="{E6869961-F931-4F1E-9FB3-8587EBA3F36F}"/>
            </ac:spMkLst>
          </pc:spChg>
          <pc:spChg chg="mod">
            <ac:chgData name="Merve Gülmez" userId="3594cd17-5953-4511-8d53-8cfc799250e7" providerId="ADAL" clId="{0EFC41D1-6E36-435B-973A-7835D0983ADF}" dt="2025-05-09T08:24:23.131" v="2025" actId="20577"/>
            <ac:spMkLst>
              <pc:docMk/>
              <pc:sldMasterMk cId="2523064765" sldId="2147483660"/>
              <pc:sldLayoutMk cId="3084474769" sldId="2147483709"/>
              <ac:spMk id="5" creationId="{203FD5EF-20DB-46AB-B412-DF9112353719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31" v="2017" actId="20577"/>
          <pc:sldLayoutMkLst>
            <pc:docMk/>
            <pc:sldMasterMk cId="2523064765" sldId="2147483660"/>
            <pc:sldLayoutMk cId="1482301504" sldId="2147483710"/>
          </pc:sldLayoutMkLst>
          <pc:spChg chg="mod">
            <ac:chgData name="Merve Gülmez" userId="3594cd17-5953-4511-8d53-8cfc799250e7" providerId="ADAL" clId="{0EFC41D1-6E36-435B-973A-7835D0983ADF}" dt="2025-05-09T08:24:22.801" v="1909" actId="790"/>
            <ac:spMkLst>
              <pc:docMk/>
              <pc:sldMasterMk cId="2523064765" sldId="2147483660"/>
              <pc:sldLayoutMk cId="1482301504" sldId="2147483710"/>
              <ac:spMk id="3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785" v="1906" actId="790"/>
            <ac:spMkLst>
              <pc:docMk/>
              <pc:sldMasterMk cId="2523064765" sldId="2147483660"/>
              <pc:sldLayoutMk cId="1482301504" sldId="2147483710"/>
              <ac:spMk id="4" creationId="{A103FF1A-D345-1C56-590F-D823A889B028}"/>
            </ac:spMkLst>
          </pc:spChg>
          <pc:spChg chg="mod">
            <ac:chgData name="Merve Gülmez" userId="3594cd17-5953-4511-8d53-8cfc799250e7" providerId="ADAL" clId="{0EFC41D1-6E36-435B-973A-7835D0983ADF}" dt="2025-05-09T08:24:23.131" v="2017" actId="20577"/>
            <ac:spMkLst>
              <pc:docMk/>
              <pc:sldMasterMk cId="2523064765" sldId="2147483660"/>
              <pc:sldLayoutMk cId="1482301504" sldId="2147483710"/>
              <ac:spMk id="9" creationId="{72C1EE1F-EF94-4EBA-A010-8BC3D2F38C39}"/>
            </ac:spMkLst>
          </pc:spChg>
          <pc:spChg chg="mod">
            <ac:chgData name="Merve Gülmez" userId="3594cd17-5953-4511-8d53-8cfc799250e7" providerId="ADAL" clId="{0EFC41D1-6E36-435B-973A-7835D0983ADF}" dt="2025-05-09T08:24:22.801" v="1910" actId="790"/>
            <ac:spMkLst>
              <pc:docMk/>
              <pc:sldMasterMk cId="2523064765" sldId="2147483660"/>
              <pc:sldLayoutMk cId="1482301504" sldId="2147483710"/>
              <ac:spMk id="12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01" v="1911" actId="790"/>
            <ac:spMkLst>
              <pc:docMk/>
              <pc:sldMasterMk cId="2523064765" sldId="2147483660"/>
              <pc:sldLayoutMk cId="1482301504" sldId="2147483710"/>
              <ac:spMk id="15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01" v="1908" actId="790"/>
            <ac:spMkLst>
              <pc:docMk/>
              <pc:sldMasterMk cId="2523064765" sldId="2147483660"/>
              <pc:sldLayoutMk cId="1482301504" sldId="2147483710"/>
              <ac:spMk id="22530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785" v="1907" actId="790"/>
            <ac:spMkLst>
              <pc:docMk/>
              <pc:sldMasterMk cId="2523064765" sldId="2147483660"/>
              <pc:sldLayoutMk cId="1482301504" sldId="2147483710"/>
              <ac:spMk id="22531" creationId="{00000000-0000-0000-0000-000000000000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48" v="2033" actId="20577"/>
          <pc:sldLayoutMkLst>
            <pc:docMk/>
            <pc:sldMasterMk cId="2523064765" sldId="2147483660"/>
            <pc:sldLayoutMk cId="1686204470" sldId="2147483712"/>
          </pc:sldLayoutMkLst>
          <pc:spChg chg="mod">
            <ac:chgData name="Merve Gülmez" userId="3594cd17-5953-4511-8d53-8cfc799250e7" providerId="ADAL" clId="{0EFC41D1-6E36-435B-973A-7835D0983ADF}" dt="2025-05-09T08:24:22.816" v="1918" actId="790"/>
            <ac:spMkLst>
              <pc:docMk/>
              <pc:sldMasterMk cId="2523064765" sldId="2147483660"/>
              <pc:sldLayoutMk cId="1686204470" sldId="2147483712"/>
              <ac:spMk id="2" creationId="{D9A6888F-AC26-BA8F-0055-E808E294C9D7}"/>
            </ac:spMkLst>
          </pc:spChg>
          <pc:spChg chg="mod">
            <ac:chgData name="Merve Gülmez" userId="3594cd17-5953-4511-8d53-8cfc799250e7" providerId="ADAL" clId="{0EFC41D1-6E36-435B-973A-7835D0983ADF}" dt="2025-05-09T08:24:23.148" v="2033" actId="20577"/>
            <ac:spMkLst>
              <pc:docMk/>
              <pc:sldMasterMk cId="2523064765" sldId="2147483660"/>
              <pc:sldLayoutMk cId="1686204470" sldId="2147483712"/>
              <ac:spMk id="3" creationId="{C44ECCE6-4D94-443E-8C20-CA233A5C0572}"/>
            </ac:spMkLst>
          </pc:spChg>
          <pc:spChg chg="mod">
            <ac:chgData name="Merve Gülmez" userId="3594cd17-5953-4511-8d53-8cfc799250e7" providerId="ADAL" clId="{0EFC41D1-6E36-435B-973A-7835D0983ADF}" dt="2025-05-09T08:24:22.816" v="1919" actId="790"/>
            <ac:spMkLst>
              <pc:docMk/>
              <pc:sldMasterMk cId="2523064765" sldId="2147483660"/>
              <pc:sldLayoutMk cId="1686204470" sldId="2147483712"/>
              <ac:spMk id="4" creationId="{00000000-0000-0000-0000-000000000000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48" v="2041" actId="20577"/>
          <pc:sldLayoutMkLst>
            <pc:docMk/>
            <pc:sldMasterMk cId="2523064765" sldId="2147483660"/>
            <pc:sldLayoutMk cId="2362386503" sldId="2147483713"/>
          </pc:sldLayoutMkLst>
          <pc:spChg chg="mod">
            <ac:chgData name="Merve Gülmez" userId="3594cd17-5953-4511-8d53-8cfc799250e7" providerId="ADAL" clId="{0EFC41D1-6E36-435B-973A-7835D0983ADF}" dt="2025-05-09T08:24:22.816" v="1924" actId="790"/>
            <ac:spMkLst>
              <pc:docMk/>
              <pc:sldMasterMk cId="2523064765" sldId="2147483660"/>
              <pc:sldLayoutMk cId="2362386503" sldId="2147483713"/>
              <ac:spMk id="2" creationId="{17697191-0A85-B8C8-9EEC-2BBBCA05BA94}"/>
            </ac:spMkLst>
          </pc:spChg>
          <pc:spChg chg="mod">
            <ac:chgData name="Merve Gülmez" userId="3594cd17-5953-4511-8d53-8cfc799250e7" providerId="ADAL" clId="{0EFC41D1-6E36-435B-973A-7835D0983ADF}" dt="2025-05-09T08:24:22.816" v="1926" actId="790"/>
            <ac:spMkLst>
              <pc:docMk/>
              <pc:sldMasterMk cId="2523064765" sldId="2147483660"/>
              <pc:sldLayoutMk cId="2362386503" sldId="2147483713"/>
              <ac:spMk id="3" creationId="{810CFEFC-6AC8-4817-A0D3-6029D48BD293}"/>
            </ac:spMkLst>
          </pc:spChg>
          <pc:spChg chg="mod">
            <ac:chgData name="Merve Gülmez" userId="3594cd17-5953-4511-8d53-8cfc799250e7" providerId="ADAL" clId="{0EFC41D1-6E36-435B-973A-7835D0983ADF}" dt="2025-05-09T08:24:22.816" v="1925" actId="790"/>
            <ac:spMkLst>
              <pc:docMk/>
              <pc:sldMasterMk cId="2523064765" sldId="2147483660"/>
              <pc:sldLayoutMk cId="2362386503" sldId="2147483713"/>
              <ac:spMk id="5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3.148" v="2041" actId="20577"/>
            <ac:spMkLst>
              <pc:docMk/>
              <pc:sldMasterMk cId="2523064765" sldId="2147483660"/>
              <pc:sldLayoutMk cId="2362386503" sldId="2147483713"/>
              <ac:spMk id="8" creationId="{C2AD0284-E6BA-49D8-AB3F-D94DBB1D54F0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63" v="2049" actId="20577"/>
          <pc:sldLayoutMkLst>
            <pc:docMk/>
            <pc:sldMasterMk cId="2523064765" sldId="2147483660"/>
            <pc:sldLayoutMk cId="1662761648" sldId="2147483714"/>
          </pc:sldLayoutMkLst>
          <pc:spChg chg="mod">
            <ac:chgData name="Merve Gülmez" userId="3594cd17-5953-4511-8d53-8cfc799250e7" providerId="ADAL" clId="{0EFC41D1-6E36-435B-973A-7835D0983ADF}" dt="2025-05-09T08:24:22.832" v="1931" actId="790"/>
            <ac:spMkLst>
              <pc:docMk/>
              <pc:sldMasterMk cId="2523064765" sldId="2147483660"/>
              <pc:sldLayoutMk cId="1662761648" sldId="2147483714"/>
              <ac:spMk id="2" creationId="{C8FC9BDE-AACF-FAD9-0569-2308D75B1812}"/>
            </ac:spMkLst>
          </pc:spChg>
          <pc:spChg chg="mod">
            <ac:chgData name="Merve Gülmez" userId="3594cd17-5953-4511-8d53-8cfc799250e7" providerId="ADAL" clId="{0EFC41D1-6E36-435B-973A-7835D0983ADF}" dt="2025-05-09T08:24:22.832" v="1933" actId="790"/>
            <ac:spMkLst>
              <pc:docMk/>
              <pc:sldMasterMk cId="2523064765" sldId="2147483660"/>
              <pc:sldLayoutMk cId="1662761648" sldId="2147483714"/>
              <ac:spMk id="4" creationId="{784F54AF-EED6-486A-9ACA-42061F4AAE9A}"/>
            </ac:spMkLst>
          </pc:spChg>
          <pc:spChg chg="mod">
            <ac:chgData name="Merve Gülmez" userId="3594cd17-5953-4511-8d53-8cfc799250e7" providerId="ADAL" clId="{0EFC41D1-6E36-435B-973A-7835D0983ADF}" dt="2025-05-09T08:24:22.832" v="1932" actId="790"/>
            <ac:spMkLst>
              <pc:docMk/>
              <pc:sldMasterMk cId="2523064765" sldId="2147483660"/>
              <pc:sldLayoutMk cId="1662761648" sldId="2147483714"/>
              <ac:spMk id="6" creationId="{3F4EF873-DC0F-4698-BEC2-502DB043AA5C}"/>
            </ac:spMkLst>
          </pc:spChg>
          <pc:spChg chg="mod">
            <ac:chgData name="Merve Gülmez" userId="3594cd17-5953-4511-8d53-8cfc799250e7" providerId="ADAL" clId="{0EFC41D1-6E36-435B-973A-7835D0983ADF}" dt="2025-05-09T08:24:23.163" v="2049" actId="20577"/>
            <ac:spMkLst>
              <pc:docMk/>
              <pc:sldMasterMk cId="2523064765" sldId="2147483660"/>
              <pc:sldLayoutMk cId="1662761648" sldId="2147483714"/>
              <ac:spMk id="7" creationId="{DB8BC610-C1B0-4C6A-B5C2-80DA487CE5DE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79" v="2065" actId="20577"/>
          <pc:sldLayoutMkLst>
            <pc:docMk/>
            <pc:sldMasterMk cId="2523064765" sldId="2147483660"/>
            <pc:sldLayoutMk cId="3539499238" sldId="2147483715"/>
          </pc:sldLayoutMkLst>
          <pc:spChg chg="mod">
            <ac:chgData name="Merve Gülmez" userId="3594cd17-5953-4511-8d53-8cfc799250e7" providerId="ADAL" clId="{0EFC41D1-6E36-435B-973A-7835D0983ADF}" dt="2025-05-09T08:24:22.848" v="1949" actId="790"/>
            <ac:spMkLst>
              <pc:docMk/>
              <pc:sldMasterMk cId="2523064765" sldId="2147483660"/>
              <pc:sldLayoutMk cId="3539499238" sldId="2147483715"/>
              <ac:spMk id="2" creationId="{09FDE7F6-BBC9-8CC3-CB40-B28724FF07BC}"/>
            </ac:spMkLst>
          </pc:spChg>
          <pc:spChg chg="mod">
            <ac:chgData name="Merve Gülmez" userId="3594cd17-5953-4511-8d53-8cfc799250e7" providerId="ADAL" clId="{0EFC41D1-6E36-435B-973A-7835D0983ADF}" dt="2025-05-09T08:24:22.848" v="1951" actId="790"/>
            <ac:spMkLst>
              <pc:docMk/>
              <pc:sldMasterMk cId="2523064765" sldId="2147483660"/>
              <pc:sldLayoutMk cId="3539499238" sldId="2147483715"/>
              <ac:spMk id="6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64" v="1953" actId="790"/>
            <ac:spMkLst>
              <pc:docMk/>
              <pc:sldMasterMk cId="2523064765" sldId="2147483660"/>
              <pc:sldLayoutMk cId="3539499238" sldId="2147483715"/>
              <ac:spMk id="7" creationId="{8E3794F8-471D-4987-945F-3C29BB03AB49}"/>
            </ac:spMkLst>
          </pc:spChg>
          <pc:spChg chg="mod">
            <ac:chgData name="Merve Gülmez" userId="3594cd17-5953-4511-8d53-8cfc799250e7" providerId="ADAL" clId="{0EFC41D1-6E36-435B-973A-7835D0983ADF}" dt="2025-05-09T08:24:22.848" v="1952" actId="790"/>
            <ac:spMkLst>
              <pc:docMk/>
              <pc:sldMasterMk cId="2523064765" sldId="2147483660"/>
              <pc:sldLayoutMk cId="3539499238" sldId="2147483715"/>
              <ac:spMk id="8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3.179" v="2065" actId="20577"/>
            <ac:spMkLst>
              <pc:docMk/>
              <pc:sldMasterMk cId="2523064765" sldId="2147483660"/>
              <pc:sldLayoutMk cId="3539499238" sldId="2147483715"/>
              <ac:spMk id="9" creationId="{2C8570FA-FAA3-4EFA-A4F1-01C285AE39DE}"/>
            </ac:spMkLst>
          </pc:spChg>
          <pc:spChg chg="mod">
            <ac:chgData name="Merve Gülmez" userId="3594cd17-5953-4511-8d53-8cfc799250e7" providerId="ADAL" clId="{0EFC41D1-6E36-435B-973A-7835D0983ADF}" dt="2025-05-09T08:24:22.848" v="1950" actId="790"/>
            <ac:spMkLst>
              <pc:docMk/>
              <pc:sldMasterMk cId="2523064765" sldId="2147483660"/>
              <pc:sldLayoutMk cId="3539499238" sldId="2147483715"/>
              <ac:spMk id="10" creationId="{6B686A21-AA96-4B0A-B7CE-F4C6D5D31B32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63" v="2057" actId="20577"/>
          <pc:sldLayoutMkLst>
            <pc:docMk/>
            <pc:sldMasterMk cId="2523064765" sldId="2147483660"/>
            <pc:sldLayoutMk cId="488662847" sldId="2147483716"/>
          </pc:sldLayoutMkLst>
          <pc:spChg chg="mod">
            <ac:chgData name="Merve Gülmez" userId="3594cd17-5953-4511-8d53-8cfc799250e7" providerId="ADAL" clId="{0EFC41D1-6E36-435B-973A-7835D0983ADF}" dt="2025-05-09T08:24:22.832" v="1939" actId="790"/>
            <ac:spMkLst>
              <pc:docMk/>
              <pc:sldMasterMk cId="2523064765" sldId="2147483660"/>
              <pc:sldLayoutMk cId="488662847" sldId="2147483716"/>
              <ac:spMk id="2" creationId="{105FD79D-9BC3-0408-DF33-0CA55CC3DCDA}"/>
            </ac:spMkLst>
          </pc:spChg>
          <pc:spChg chg="mod">
            <ac:chgData name="Merve Gülmez" userId="3594cd17-5953-4511-8d53-8cfc799250e7" providerId="ADAL" clId="{0EFC41D1-6E36-435B-973A-7835D0983ADF}" dt="2025-05-09T08:24:22.847" v="1941" actId="790"/>
            <ac:spMkLst>
              <pc:docMk/>
              <pc:sldMasterMk cId="2523064765" sldId="2147483660"/>
              <pc:sldLayoutMk cId="488662847" sldId="2147483716"/>
              <ac:spMk id="3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48" v="1942" actId="790"/>
            <ac:spMkLst>
              <pc:docMk/>
              <pc:sldMasterMk cId="2523064765" sldId="2147483660"/>
              <pc:sldLayoutMk cId="488662847" sldId="2147483716"/>
              <ac:spMk id="5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32" v="1940" actId="790"/>
            <ac:spMkLst>
              <pc:docMk/>
              <pc:sldMasterMk cId="2523064765" sldId="2147483660"/>
              <pc:sldLayoutMk cId="488662847" sldId="2147483716"/>
              <ac:spMk id="6" creationId="{891BF4C4-9DF9-4D9F-A738-37FBCD45AA68}"/>
            </ac:spMkLst>
          </pc:spChg>
          <pc:spChg chg="mod">
            <ac:chgData name="Merve Gülmez" userId="3594cd17-5953-4511-8d53-8cfc799250e7" providerId="ADAL" clId="{0EFC41D1-6E36-435B-973A-7835D0983ADF}" dt="2025-05-09T08:24:23.163" v="2057" actId="20577"/>
            <ac:spMkLst>
              <pc:docMk/>
              <pc:sldMasterMk cId="2523064765" sldId="2147483660"/>
              <pc:sldLayoutMk cId="488662847" sldId="2147483716"/>
              <ac:spMk id="8" creationId="{53797230-5A6C-4718-8C90-CB9F2709B382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79" v="2073" actId="20577"/>
          <pc:sldLayoutMkLst>
            <pc:docMk/>
            <pc:sldMasterMk cId="2523064765" sldId="2147483660"/>
            <pc:sldLayoutMk cId="3044934467" sldId="2147483717"/>
          </pc:sldLayoutMkLst>
          <pc:spChg chg="mod">
            <ac:chgData name="Merve Gülmez" userId="3594cd17-5953-4511-8d53-8cfc799250e7" providerId="ADAL" clId="{0EFC41D1-6E36-435B-973A-7835D0983ADF}" dt="2025-05-09T08:24:22.864" v="1961" actId="790"/>
            <ac:spMkLst>
              <pc:docMk/>
              <pc:sldMasterMk cId="2523064765" sldId="2147483660"/>
              <pc:sldLayoutMk cId="3044934467" sldId="2147483717"/>
              <ac:spMk id="2" creationId="{D44FC84B-7E22-F949-A48C-665D3900E6CC}"/>
            </ac:spMkLst>
          </pc:spChg>
          <pc:spChg chg="mod">
            <ac:chgData name="Merve Gülmez" userId="3594cd17-5953-4511-8d53-8cfc799250e7" providerId="ADAL" clId="{0EFC41D1-6E36-435B-973A-7835D0983ADF}" dt="2025-05-09T08:24:22.880" v="1963" actId="790"/>
            <ac:spMkLst>
              <pc:docMk/>
              <pc:sldMasterMk cId="2523064765" sldId="2147483660"/>
              <pc:sldLayoutMk cId="3044934467" sldId="2147483717"/>
              <ac:spMk id="4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80" v="1964" actId="790"/>
            <ac:spMkLst>
              <pc:docMk/>
              <pc:sldMasterMk cId="2523064765" sldId="2147483660"/>
              <pc:sldLayoutMk cId="3044934467" sldId="2147483717"/>
              <ac:spMk id="6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64" v="1962" actId="790"/>
            <ac:spMkLst>
              <pc:docMk/>
              <pc:sldMasterMk cId="2523064765" sldId="2147483660"/>
              <pc:sldLayoutMk cId="3044934467" sldId="2147483717"/>
              <ac:spMk id="7" creationId="{F4D71A67-F349-4E68-B7B8-D53CE323A764}"/>
            </ac:spMkLst>
          </pc:spChg>
          <pc:spChg chg="mod">
            <ac:chgData name="Merve Gülmez" userId="3594cd17-5953-4511-8d53-8cfc799250e7" providerId="ADAL" clId="{0EFC41D1-6E36-435B-973A-7835D0983ADF}" dt="2025-05-09T08:24:22.880" v="1965" actId="790"/>
            <ac:spMkLst>
              <pc:docMk/>
              <pc:sldMasterMk cId="2523064765" sldId="2147483660"/>
              <pc:sldLayoutMk cId="3044934467" sldId="2147483717"/>
              <ac:spMk id="8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80" v="1966" actId="790"/>
            <ac:spMkLst>
              <pc:docMk/>
              <pc:sldMasterMk cId="2523064765" sldId="2147483660"/>
              <pc:sldLayoutMk cId="3044934467" sldId="2147483717"/>
              <ac:spMk id="9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3.179" v="2073" actId="20577"/>
            <ac:spMkLst>
              <pc:docMk/>
              <pc:sldMasterMk cId="2523064765" sldId="2147483660"/>
              <pc:sldLayoutMk cId="3044934467" sldId="2147483717"/>
              <ac:spMk id="11" creationId="{A55C34B4-681E-4FDA-A9BB-6BC31D94C8D6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94" v="2081" actId="20577"/>
          <pc:sldLayoutMkLst>
            <pc:docMk/>
            <pc:sldMasterMk cId="2523064765" sldId="2147483660"/>
            <pc:sldLayoutMk cId="3574322202" sldId="2147483718"/>
          </pc:sldLayoutMkLst>
          <pc:spChg chg="mod">
            <ac:chgData name="Merve Gülmez" userId="3594cd17-5953-4511-8d53-8cfc799250e7" providerId="ADAL" clId="{0EFC41D1-6E36-435B-973A-7835D0983ADF}" dt="2025-05-09T08:24:22.895" v="1974" actId="790"/>
            <ac:spMkLst>
              <pc:docMk/>
              <pc:sldMasterMk cId="2523064765" sldId="2147483660"/>
              <pc:sldLayoutMk cId="3574322202" sldId="2147483718"/>
              <ac:spMk id="2" creationId="{DCFC6A99-DACF-36D5-6C3E-4DC5345A9049}"/>
            </ac:spMkLst>
          </pc:spChg>
          <pc:spChg chg="mod">
            <ac:chgData name="Merve Gülmez" userId="3594cd17-5953-4511-8d53-8cfc799250e7" providerId="ADAL" clId="{0EFC41D1-6E36-435B-973A-7835D0983ADF}" dt="2025-05-09T08:24:22.895" v="1976" actId="790"/>
            <ac:spMkLst>
              <pc:docMk/>
              <pc:sldMasterMk cId="2523064765" sldId="2147483660"/>
              <pc:sldLayoutMk cId="3574322202" sldId="2147483718"/>
              <ac:spMk id="3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95" v="1977" actId="790"/>
            <ac:spMkLst>
              <pc:docMk/>
              <pc:sldMasterMk cId="2523064765" sldId="2147483660"/>
              <pc:sldLayoutMk cId="3574322202" sldId="2147483718"/>
              <ac:spMk id="4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95" v="1978" actId="790"/>
            <ac:spMkLst>
              <pc:docMk/>
              <pc:sldMasterMk cId="2523064765" sldId="2147483660"/>
              <pc:sldLayoutMk cId="3574322202" sldId="2147483718"/>
              <ac:spMk id="6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895" v="1979" actId="790"/>
            <ac:spMkLst>
              <pc:docMk/>
              <pc:sldMasterMk cId="2523064765" sldId="2147483660"/>
              <pc:sldLayoutMk cId="3574322202" sldId="2147483718"/>
              <ac:spMk id="7" creationId="{5BD2C41D-0700-4885-AB77-25AFFE4E1FDA}"/>
            </ac:spMkLst>
          </pc:spChg>
          <pc:spChg chg="mod">
            <ac:chgData name="Merve Gülmez" userId="3594cd17-5953-4511-8d53-8cfc799250e7" providerId="ADAL" clId="{0EFC41D1-6E36-435B-973A-7835D0983ADF}" dt="2025-05-09T08:24:22.895" v="1975" actId="790"/>
            <ac:spMkLst>
              <pc:docMk/>
              <pc:sldMasterMk cId="2523064765" sldId="2147483660"/>
              <pc:sldLayoutMk cId="3574322202" sldId="2147483718"/>
              <ac:spMk id="9" creationId="{2C948968-FB06-45CC-8259-6BDE4430EACB}"/>
            </ac:spMkLst>
          </pc:spChg>
          <pc:spChg chg="mod">
            <ac:chgData name="Merve Gülmez" userId="3594cd17-5953-4511-8d53-8cfc799250e7" providerId="ADAL" clId="{0EFC41D1-6E36-435B-973A-7835D0983ADF}" dt="2025-05-09T08:24:23.194" v="2081" actId="20577"/>
            <ac:spMkLst>
              <pc:docMk/>
              <pc:sldMasterMk cId="2523064765" sldId="2147483660"/>
              <pc:sldLayoutMk cId="3574322202" sldId="2147483718"/>
              <ac:spMk id="10" creationId="{549048C1-340D-44C4-857B-1B201EC9A7E7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194" v="2089" actId="20577"/>
          <pc:sldLayoutMkLst>
            <pc:docMk/>
            <pc:sldMasterMk cId="2523064765" sldId="2147483660"/>
            <pc:sldLayoutMk cId="3422095206" sldId="2147483719"/>
          </pc:sldLayoutMkLst>
          <pc:spChg chg="mod">
            <ac:chgData name="Merve Gülmez" userId="3594cd17-5953-4511-8d53-8cfc799250e7" providerId="ADAL" clId="{0EFC41D1-6E36-435B-973A-7835D0983ADF}" dt="2025-05-09T08:24:22.927" v="1991" actId="790"/>
            <ac:spMkLst>
              <pc:docMk/>
              <pc:sldMasterMk cId="2523064765" sldId="2147483660"/>
              <pc:sldLayoutMk cId="3422095206" sldId="2147483719"/>
              <ac:spMk id="2" creationId="{3573FEDA-98AE-F7E3-43DF-75A830443C4A}"/>
            </ac:spMkLst>
          </pc:spChg>
          <pc:spChg chg="mod">
            <ac:chgData name="Merve Gülmez" userId="3594cd17-5953-4511-8d53-8cfc799250e7" providerId="ADAL" clId="{0EFC41D1-6E36-435B-973A-7835D0983ADF}" dt="2025-05-09T08:24:22.927" v="1993" actId="790"/>
            <ac:spMkLst>
              <pc:docMk/>
              <pc:sldMasterMk cId="2523064765" sldId="2147483660"/>
              <pc:sldLayoutMk cId="3422095206" sldId="2147483719"/>
              <ac:spMk id="3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27" v="1994" actId="790"/>
            <ac:spMkLst>
              <pc:docMk/>
              <pc:sldMasterMk cId="2523064765" sldId="2147483660"/>
              <pc:sldLayoutMk cId="3422095206" sldId="2147483719"/>
              <ac:spMk id="4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27" v="1995" actId="790"/>
            <ac:spMkLst>
              <pc:docMk/>
              <pc:sldMasterMk cId="2523064765" sldId="2147483660"/>
              <pc:sldLayoutMk cId="3422095206" sldId="2147483719"/>
              <ac:spMk id="5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27" v="1996" actId="790"/>
            <ac:spMkLst>
              <pc:docMk/>
              <pc:sldMasterMk cId="2523064765" sldId="2147483660"/>
              <pc:sldLayoutMk cId="3422095206" sldId="2147483719"/>
              <ac:spMk id="6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27" v="1998" actId="790"/>
            <ac:spMkLst>
              <pc:docMk/>
              <pc:sldMasterMk cId="2523064765" sldId="2147483660"/>
              <pc:sldLayoutMk cId="3422095206" sldId="2147483719"/>
              <ac:spMk id="8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27" v="1997" actId="790"/>
            <ac:spMkLst>
              <pc:docMk/>
              <pc:sldMasterMk cId="2523064765" sldId="2147483660"/>
              <pc:sldLayoutMk cId="3422095206" sldId="2147483719"/>
              <ac:spMk id="9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42" v="2000" actId="790"/>
            <ac:spMkLst>
              <pc:docMk/>
              <pc:sldMasterMk cId="2523064765" sldId="2147483660"/>
              <pc:sldLayoutMk cId="3422095206" sldId="2147483719"/>
              <ac:spMk id="10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27" v="1999" actId="790"/>
            <ac:spMkLst>
              <pc:docMk/>
              <pc:sldMasterMk cId="2523064765" sldId="2147483660"/>
              <pc:sldLayoutMk cId="3422095206" sldId="2147483719"/>
              <ac:spMk id="11" creationId="{00000000-0000-0000-0000-000000000000}"/>
            </ac:spMkLst>
          </pc:spChg>
          <pc:spChg chg="mod">
            <ac:chgData name="Merve Gülmez" userId="3594cd17-5953-4511-8d53-8cfc799250e7" providerId="ADAL" clId="{0EFC41D1-6E36-435B-973A-7835D0983ADF}" dt="2025-05-09T08:24:22.927" v="1992" actId="790"/>
            <ac:spMkLst>
              <pc:docMk/>
              <pc:sldMasterMk cId="2523064765" sldId="2147483660"/>
              <pc:sldLayoutMk cId="3422095206" sldId="2147483719"/>
              <ac:spMk id="13" creationId="{99858DC4-E787-41D2-A613-961D60F89117}"/>
            </ac:spMkLst>
          </pc:spChg>
          <pc:spChg chg="mod">
            <ac:chgData name="Merve Gülmez" userId="3594cd17-5953-4511-8d53-8cfc799250e7" providerId="ADAL" clId="{0EFC41D1-6E36-435B-973A-7835D0983ADF}" dt="2025-05-09T08:24:23.194" v="2089" actId="20577"/>
            <ac:spMkLst>
              <pc:docMk/>
              <pc:sldMasterMk cId="2523064765" sldId="2147483660"/>
              <pc:sldLayoutMk cId="3422095206" sldId="2147483719"/>
              <ac:spMk id="14" creationId="{089CBEB5-348B-49F3-8F8B-FDEE08950E37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2.942" v="2004" actId="790"/>
          <pc:sldLayoutMkLst>
            <pc:docMk/>
            <pc:sldMasterMk cId="2523064765" sldId="2147483660"/>
            <pc:sldLayoutMk cId="3027148209" sldId="2147483720"/>
          </pc:sldLayoutMkLst>
          <pc:spChg chg="mod">
            <ac:chgData name="Merve Gülmez" userId="3594cd17-5953-4511-8d53-8cfc799250e7" providerId="ADAL" clId="{0EFC41D1-6E36-435B-973A-7835D0983ADF}" dt="2025-05-09T08:24:22.942" v="2004" actId="790"/>
            <ac:spMkLst>
              <pc:docMk/>
              <pc:sldMasterMk cId="2523064765" sldId="2147483660"/>
              <pc:sldLayoutMk cId="3027148209" sldId="2147483720"/>
              <ac:spMk id="2" creationId="{FCF1ABC6-0A4C-6C18-E8A5-415153FD00B6}"/>
            </ac:spMkLst>
          </pc:spChg>
          <pc:spChg chg="mod">
            <ac:chgData name="Merve Gülmez" userId="3594cd17-5953-4511-8d53-8cfc799250e7" providerId="ADAL" clId="{0EFC41D1-6E36-435B-973A-7835D0983ADF}" dt="2025-05-09T08:24:22.942" v="2003" actId="790"/>
            <ac:spMkLst>
              <pc:docMk/>
              <pc:sldMasterMk cId="2523064765" sldId="2147483660"/>
              <pc:sldLayoutMk cId="3027148209" sldId="2147483720"/>
              <ac:spMk id="3" creationId="{000C8FCC-57E5-3E43-E21A-B3EDA1DB3E60}"/>
            </ac:spMkLst>
          </pc:spChg>
        </pc:sldLayoutChg>
        <pc:sldLayoutChg chg="modSp mod">
          <pc:chgData name="Merve Gülmez" userId="3594cd17-5953-4511-8d53-8cfc799250e7" providerId="ADAL" clId="{0EFC41D1-6E36-435B-973A-7835D0983ADF}" dt="2025-05-09T08:24:23.084" v="2007" actId="790"/>
          <pc:sldLayoutMkLst>
            <pc:docMk/>
            <pc:sldMasterMk cId="2523064765" sldId="2147483660"/>
            <pc:sldLayoutMk cId="1817276316" sldId="2147483721"/>
          </pc:sldLayoutMkLst>
          <pc:spChg chg="mod">
            <ac:chgData name="Merve Gülmez" userId="3594cd17-5953-4511-8d53-8cfc799250e7" providerId="ADAL" clId="{0EFC41D1-6E36-435B-973A-7835D0983ADF}" dt="2025-05-09T08:24:23.084" v="2006" actId="790"/>
            <ac:spMkLst>
              <pc:docMk/>
              <pc:sldMasterMk cId="2523064765" sldId="2147483660"/>
              <pc:sldLayoutMk cId="1817276316" sldId="2147483721"/>
              <ac:spMk id="3" creationId="{E6869961-F931-4F1E-9FB3-8587EBA3F36F}"/>
            </ac:spMkLst>
          </pc:spChg>
          <pc:spChg chg="mod">
            <ac:chgData name="Merve Gülmez" userId="3594cd17-5953-4511-8d53-8cfc799250e7" providerId="ADAL" clId="{0EFC41D1-6E36-435B-973A-7835D0983ADF}" dt="2025-05-09T08:24:23.084" v="2007" actId="790"/>
            <ac:spMkLst>
              <pc:docMk/>
              <pc:sldMasterMk cId="2523064765" sldId="2147483660"/>
              <pc:sldLayoutMk cId="1817276316" sldId="2147483721"/>
              <ac:spMk id="4" creationId="{61854116-BAC6-B8BA-F0D7-112BFEE305D7}"/>
            </ac:spMkLst>
          </pc:spChg>
        </pc:sldLayoutChg>
        <pc:sldLayoutChg chg="del">
          <pc:chgData name="Merve Gülmez" userId="3594cd17-5953-4511-8d53-8cfc799250e7" providerId="ADAL" clId="{0EFC41D1-6E36-435B-973A-7835D0983ADF}" dt="2025-05-07T11:35:13.054" v="876" actId="47"/>
          <pc:sldLayoutMkLst>
            <pc:docMk/>
            <pc:sldMasterMk cId="2523064765" sldId="2147483660"/>
            <pc:sldLayoutMk cId="1675010944" sldId="2147483722"/>
          </pc:sldLayoutMkLst>
        </pc:sldLayoutChg>
      </pc:sldMasterChg>
    </pc:docChg>
  </pc:docChgLst>
  <pc:docChgLst>
    <pc:chgData name="Thomas Nyman" userId="ac62be27-690b-42bb-ae39-d787d15a1823" providerId="ADAL" clId="{48C0E8DB-F1B9-4F27-B003-A93734DD60F4}"/>
    <pc:docChg chg="undo custSel addSld delSld modSld sldOrd modMainMaster">
      <pc:chgData name="Thomas Nyman" userId="ac62be27-690b-42bb-ae39-d787d15a1823" providerId="ADAL" clId="{48C0E8DB-F1B9-4F27-B003-A93734DD60F4}" dt="2025-05-09T19:16:01.781" v="2834" actId="20577"/>
      <pc:docMkLst>
        <pc:docMk/>
      </pc:docMkLst>
      <pc:sldChg chg="modSp add mod">
        <pc:chgData name="Thomas Nyman" userId="ac62be27-690b-42bb-ae39-d787d15a1823" providerId="ADAL" clId="{48C0E8DB-F1B9-4F27-B003-A93734DD60F4}" dt="2025-05-05T13:49:00.766" v="656" actId="20577"/>
        <pc:sldMkLst>
          <pc:docMk/>
          <pc:sldMk cId="616324209" sldId="256"/>
        </pc:sldMkLst>
        <pc:spChg chg="mod">
          <ac:chgData name="Thomas Nyman" userId="ac62be27-690b-42bb-ae39-d787d15a1823" providerId="ADAL" clId="{48C0E8DB-F1B9-4F27-B003-A93734DD60F4}" dt="2025-05-05T13:43:29.167" v="541" actId="20577"/>
          <ac:spMkLst>
            <pc:docMk/>
            <pc:sldMk cId="616324209" sldId="256"/>
            <ac:spMk id="4" creationId="{9D1603A8-B106-49C8-9A85-772F771CEA7B}"/>
          </ac:spMkLst>
        </pc:spChg>
        <pc:spChg chg="mod">
          <ac:chgData name="Thomas Nyman" userId="ac62be27-690b-42bb-ae39-d787d15a1823" providerId="ADAL" clId="{48C0E8DB-F1B9-4F27-B003-A93734DD60F4}" dt="2025-05-05T13:48:24.045" v="618" actId="114"/>
          <ac:spMkLst>
            <pc:docMk/>
            <pc:sldMk cId="616324209" sldId="256"/>
            <ac:spMk id="5" creationId="{EBE0C4A5-D42F-44F1-9F5A-67BBFB530625}"/>
          </ac:spMkLst>
        </pc:spChg>
        <pc:spChg chg="mod">
          <ac:chgData name="Thomas Nyman" userId="ac62be27-690b-42bb-ae39-d787d15a1823" providerId="ADAL" clId="{48C0E8DB-F1B9-4F27-B003-A93734DD60F4}" dt="2025-05-05T13:48:44.295" v="648" actId="20577"/>
          <ac:spMkLst>
            <pc:docMk/>
            <pc:sldMk cId="616324209" sldId="256"/>
            <ac:spMk id="6" creationId="{DE95ACB9-B873-474F-98C6-A4E2DBDA48CF}"/>
          </ac:spMkLst>
        </pc:spChg>
        <pc:spChg chg="mod">
          <ac:chgData name="Thomas Nyman" userId="ac62be27-690b-42bb-ae39-d787d15a1823" providerId="ADAL" clId="{48C0E8DB-F1B9-4F27-B003-A93734DD60F4}" dt="2025-05-05T13:48:40.908" v="646" actId="20577"/>
          <ac:spMkLst>
            <pc:docMk/>
            <pc:sldMk cId="616324209" sldId="256"/>
            <ac:spMk id="7" creationId="{2B57716A-DE29-404B-8783-EC5EAC0E6C59}"/>
          </ac:spMkLst>
        </pc:spChg>
        <pc:spChg chg="mod">
          <ac:chgData name="Thomas Nyman" userId="ac62be27-690b-42bb-ae39-d787d15a1823" providerId="ADAL" clId="{48C0E8DB-F1B9-4F27-B003-A93734DD60F4}" dt="2025-05-05T13:49:00.766" v="656" actId="20577"/>
          <ac:spMkLst>
            <pc:docMk/>
            <pc:sldMk cId="616324209" sldId="256"/>
            <ac:spMk id="8" creationId="{C845FF77-4366-46F5-98BF-D30F6C614057}"/>
          </ac:spMkLst>
        </pc:spChg>
        <pc:picChg chg="mod modCrop">
          <ac:chgData name="Thomas Nyman" userId="ac62be27-690b-42bb-ae39-d787d15a1823" providerId="ADAL" clId="{48C0E8DB-F1B9-4F27-B003-A93734DD60F4}" dt="2025-05-05T13:42:00.554" v="532"/>
          <ac:picMkLst>
            <pc:docMk/>
            <pc:sldMk cId="616324209" sldId="256"/>
            <ac:picMk id="3" creationId="{D3D20E4A-5970-A73E-6267-9F6A38B4842E}"/>
          </ac:picMkLst>
        </pc:picChg>
        <pc:picChg chg="mod modCrop">
          <ac:chgData name="Thomas Nyman" userId="ac62be27-690b-42bb-ae39-d787d15a1823" providerId="ADAL" clId="{48C0E8DB-F1B9-4F27-B003-A93734DD60F4}" dt="2025-05-05T13:48:00.458" v="612" actId="1076"/>
          <ac:picMkLst>
            <pc:docMk/>
            <pc:sldMk cId="616324209" sldId="256"/>
            <ac:picMk id="10" creationId="{6E3C520D-CCF2-55F2-A705-97881C11FE7B}"/>
          </ac:picMkLst>
        </pc:picChg>
      </pc:sldChg>
      <pc:sldChg chg="modSp mod ord modShow">
        <pc:chgData name="Thomas Nyman" userId="ac62be27-690b-42bb-ae39-d787d15a1823" providerId="ADAL" clId="{48C0E8DB-F1B9-4F27-B003-A93734DD60F4}" dt="2025-05-05T14:08:28.914" v="1272"/>
        <pc:sldMkLst>
          <pc:docMk/>
          <pc:sldMk cId="2230748882" sldId="271"/>
        </pc:sldMkLst>
        <pc:spChg chg="mod">
          <ac:chgData name="Thomas Nyman" userId="ac62be27-690b-42bb-ae39-d787d15a1823" providerId="ADAL" clId="{48C0E8DB-F1B9-4F27-B003-A93734DD60F4}" dt="2025-05-05T13:42:17.812" v="535" actId="1076"/>
          <ac:spMkLst>
            <pc:docMk/>
            <pc:sldMk cId="2230748882" sldId="271"/>
            <ac:spMk id="3" creationId="{17D5CE7D-CCF0-44B0-843A-8D46859C44EE}"/>
          </ac:spMkLst>
        </pc:spChg>
      </pc:sldChg>
      <pc:sldChg chg="addSp delSp modSp del mod">
        <pc:chgData name="Thomas Nyman" userId="ac62be27-690b-42bb-ae39-d787d15a1823" providerId="ADAL" clId="{48C0E8DB-F1B9-4F27-B003-A93734DD60F4}" dt="2025-05-05T14:39:38.736" v="1714" actId="47"/>
        <pc:sldMkLst>
          <pc:docMk/>
          <pc:sldMk cId="79519090" sldId="639"/>
        </pc:sldMkLst>
        <pc:spChg chg="del">
          <ac:chgData name="Thomas Nyman" userId="ac62be27-690b-42bb-ae39-d787d15a1823" providerId="ADAL" clId="{48C0E8DB-F1B9-4F27-B003-A93734DD60F4}" dt="2025-05-05T13:56:00.200" v="1131" actId="478"/>
          <ac:spMkLst>
            <pc:docMk/>
            <pc:sldMk cId="79519090" sldId="639"/>
            <ac:spMk id="4" creationId="{B4D79501-E363-DC78-CBA5-22EEBAD66FDC}"/>
          </ac:spMkLst>
        </pc:spChg>
        <pc:spChg chg="del mod">
          <ac:chgData name="Thomas Nyman" userId="ac62be27-690b-42bb-ae39-d787d15a1823" providerId="ADAL" clId="{48C0E8DB-F1B9-4F27-B003-A93734DD60F4}" dt="2025-05-05T13:56:27.043" v="1137" actId="478"/>
          <ac:spMkLst>
            <pc:docMk/>
            <pc:sldMk cId="79519090" sldId="639"/>
            <ac:spMk id="5" creationId="{E13DC605-6322-2F14-2DF1-DB36EDAFAC31}"/>
          </ac:spMkLst>
        </pc:spChg>
        <pc:spChg chg="del">
          <ac:chgData name="Thomas Nyman" userId="ac62be27-690b-42bb-ae39-d787d15a1823" providerId="ADAL" clId="{48C0E8DB-F1B9-4F27-B003-A93734DD60F4}" dt="2025-05-05T13:56:00.200" v="1131" actId="478"/>
          <ac:spMkLst>
            <pc:docMk/>
            <pc:sldMk cId="79519090" sldId="639"/>
            <ac:spMk id="6" creationId="{0CF3A178-430B-18DA-61FA-8E47EEEFD015}"/>
          </ac:spMkLst>
        </pc:spChg>
        <pc:spChg chg="del">
          <ac:chgData name="Thomas Nyman" userId="ac62be27-690b-42bb-ae39-d787d15a1823" providerId="ADAL" clId="{48C0E8DB-F1B9-4F27-B003-A93734DD60F4}" dt="2025-05-05T13:56:05.790" v="1133" actId="478"/>
          <ac:spMkLst>
            <pc:docMk/>
            <pc:sldMk cId="79519090" sldId="639"/>
            <ac:spMk id="7" creationId="{50A1FED1-4FC8-E063-9BF3-E2741020AFDA}"/>
          </ac:spMkLst>
        </pc:spChg>
        <pc:spChg chg="del">
          <ac:chgData name="Thomas Nyman" userId="ac62be27-690b-42bb-ae39-d787d15a1823" providerId="ADAL" clId="{48C0E8DB-F1B9-4F27-B003-A93734DD60F4}" dt="2025-05-05T13:56:00.200" v="1131" actId="478"/>
          <ac:spMkLst>
            <pc:docMk/>
            <pc:sldMk cId="79519090" sldId="639"/>
            <ac:spMk id="8" creationId="{0CF2DE41-5B87-A442-5189-7A127C3E104A}"/>
          </ac:spMkLst>
        </pc:spChg>
        <pc:spChg chg="del">
          <ac:chgData name="Thomas Nyman" userId="ac62be27-690b-42bb-ae39-d787d15a1823" providerId="ADAL" clId="{48C0E8DB-F1B9-4F27-B003-A93734DD60F4}" dt="2025-05-05T13:56:00.200" v="1131" actId="478"/>
          <ac:spMkLst>
            <pc:docMk/>
            <pc:sldMk cId="79519090" sldId="639"/>
            <ac:spMk id="9" creationId="{257D94E4-F5C9-D782-4472-B14EDE2C1316}"/>
          </ac:spMkLst>
        </pc:spChg>
        <pc:spChg chg="mod">
          <ac:chgData name="Thomas Nyman" userId="ac62be27-690b-42bb-ae39-d787d15a1823" providerId="ADAL" clId="{48C0E8DB-F1B9-4F27-B003-A93734DD60F4}" dt="2025-05-05T13:55:53.717" v="1130" actId="1076"/>
          <ac:spMkLst>
            <pc:docMk/>
            <pc:sldMk cId="79519090" sldId="639"/>
            <ac:spMk id="10" creationId="{D530E3B7-5A67-48F4-82BF-02882396232E}"/>
          </ac:spMkLst>
        </pc:spChg>
        <pc:spChg chg="add del mod">
          <ac:chgData name="Thomas Nyman" userId="ac62be27-690b-42bb-ae39-d787d15a1823" providerId="ADAL" clId="{48C0E8DB-F1B9-4F27-B003-A93734DD60F4}" dt="2025-05-05T13:56:03.380" v="1132" actId="478"/>
          <ac:spMkLst>
            <pc:docMk/>
            <pc:sldMk cId="79519090" sldId="639"/>
            <ac:spMk id="11" creationId="{A9C20452-ED16-12C5-D2AC-9CB3E9A9BFE2}"/>
          </ac:spMkLst>
        </pc:spChg>
        <pc:spChg chg="add mod">
          <ac:chgData name="Thomas Nyman" userId="ac62be27-690b-42bb-ae39-d787d15a1823" providerId="ADAL" clId="{48C0E8DB-F1B9-4F27-B003-A93734DD60F4}" dt="2025-05-05T14:24:48.098" v="1471" actId="20577"/>
          <ac:spMkLst>
            <pc:docMk/>
            <pc:sldMk cId="79519090" sldId="639"/>
            <ac:spMk id="12" creationId="{BF54A978-9696-553E-00D8-AF2718ED0F2C}"/>
          </ac:spMkLst>
        </pc:spChg>
        <pc:spChg chg="add mod">
          <ac:chgData name="Thomas Nyman" userId="ac62be27-690b-42bb-ae39-d787d15a1823" providerId="ADAL" clId="{48C0E8DB-F1B9-4F27-B003-A93734DD60F4}" dt="2025-05-05T14:02:03.561" v="1267" actId="122"/>
          <ac:spMkLst>
            <pc:docMk/>
            <pc:sldMk cId="79519090" sldId="639"/>
            <ac:spMk id="13" creationId="{E9B7ABAB-D2F9-02C2-4D32-79BE4BE85908}"/>
          </ac:spMkLst>
        </pc:spChg>
        <pc:spChg chg="add mod">
          <ac:chgData name="Thomas Nyman" userId="ac62be27-690b-42bb-ae39-d787d15a1823" providerId="ADAL" clId="{48C0E8DB-F1B9-4F27-B003-A93734DD60F4}" dt="2025-05-05T14:31:47.728" v="1664" actId="14100"/>
          <ac:spMkLst>
            <pc:docMk/>
            <pc:sldMk cId="79519090" sldId="639"/>
            <ac:spMk id="14" creationId="{3A138D72-F9CB-6503-E236-34E19ACC9D46}"/>
          </ac:spMkLst>
        </pc:spChg>
        <pc:spChg chg="add del mod">
          <ac:chgData name="Thomas Nyman" userId="ac62be27-690b-42bb-ae39-d787d15a1823" providerId="ADAL" clId="{48C0E8DB-F1B9-4F27-B003-A93734DD60F4}" dt="2025-05-05T14:16:07.968" v="1440" actId="478"/>
          <ac:spMkLst>
            <pc:docMk/>
            <pc:sldMk cId="79519090" sldId="639"/>
            <ac:spMk id="15" creationId="{D64606DD-D837-37FC-F536-F5C7D55CC8EB}"/>
          </ac:spMkLst>
        </pc:spChg>
        <pc:spChg chg="add del mod">
          <ac:chgData name="Thomas Nyman" userId="ac62be27-690b-42bb-ae39-d787d15a1823" providerId="ADAL" clId="{48C0E8DB-F1B9-4F27-B003-A93734DD60F4}" dt="2025-05-05T14:26:35.787" v="1562" actId="478"/>
          <ac:spMkLst>
            <pc:docMk/>
            <pc:sldMk cId="79519090" sldId="639"/>
            <ac:spMk id="16" creationId="{0EC99F5D-F245-81E7-6453-9C2DA0FDA2A1}"/>
          </ac:spMkLst>
        </pc:spChg>
        <pc:spChg chg="add mod ord">
          <ac:chgData name="Thomas Nyman" userId="ac62be27-690b-42bb-ae39-d787d15a1823" providerId="ADAL" clId="{48C0E8DB-F1B9-4F27-B003-A93734DD60F4}" dt="2025-05-05T14:30:20.774" v="1654" actId="164"/>
          <ac:spMkLst>
            <pc:docMk/>
            <pc:sldMk cId="79519090" sldId="639"/>
            <ac:spMk id="17" creationId="{88EEC1CC-0196-0182-730F-31B36C0A4D97}"/>
          </ac:spMkLst>
        </pc:spChg>
        <pc:spChg chg="add mod ord">
          <ac:chgData name="Thomas Nyman" userId="ac62be27-690b-42bb-ae39-d787d15a1823" providerId="ADAL" clId="{48C0E8DB-F1B9-4F27-B003-A93734DD60F4}" dt="2025-05-05T14:30:33.553" v="1656" actId="1076"/>
          <ac:spMkLst>
            <pc:docMk/>
            <pc:sldMk cId="79519090" sldId="639"/>
            <ac:spMk id="18" creationId="{686BE28C-D1E2-5E71-8F6D-99A627650535}"/>
          </ac:spMkLst>
        </pc:spChg>
        <pc:spChg chg="add mod ord">
          <ac:chgData name="Thomas Nyman" userId="ac62be27-690b-42bb-ae39-d787d15a1823" providerId="ADAL" clId="{48C0E8DB-F1B9-4F27-B003-A93734DD60F4}" dt="2025-05-05T14:32:07.428" v="1666" actId="1076"/>
          <ac:spMkLst>
            <pc:docMk/>
            <pc:sldMk cId="79519090" sldId="639"/>
            <ac:spMk id="19" creationId="{7D6E2B78-1C2E-CE19-23ED-01E1A91CD2F6}"/>
          </ac:spMkLst>
        </pc:spChg>
        <pc:spChg chg="add mod ord">
          <ac:chgData name="Thomas Nyman" userId="ac62be27-690b-42bb-ae39-d787d15a1823" providerId="ADAL" clId="{48C0E8DB-F1B9-4F27-B003-A93734DD60F4}" dt="2025-05-05T14:30:20.774" v="1654" actId="164"/>
          <ac:spMkLst>
            <pc:docMk/>
            <pc:sldMk cId="79519090" sldId="639"/>
            <ac:spMk id="20" creationId="{6D947105-F9FF-DFF0-083E-89712A9B6A51}"/>
          </ac:spMkLst>
        </pc:spChg>
        <pc:spChg chg="add mod ord">
          <ac:chgData name="Thomas Nyman" userId="ac62be27-690b-42bb-ae39-d787d15a1823" providerId="ADAL" clId="{48C0E8DB-F1B9-4F27-B003-A93734DD60F4}" dt="2025-05-05T14:31:50.718" v="1665" actId="1076"/>
          <ac:spMkLst>
            <pc:docMk/>
            <pc:sldMk cId="79519090" sldId="639"/>
            <ac:spMk id="21" creationId="{BB1E73CF-043C-99E5-11F2-8F3407C167D2}"/>
          </ac:spMkLst>
        </pc:spChg>
        <pc:spChg chg="add mod ord">
          <ac:chgData name="Thomas Nyman" userId="ac62be27-690b-42bb-ae39-d787d15a1823" providerId="ADAL" clId="{48C0E8DB-F1B9-4F27-B003-A93734DD60F4}" dt="2025-05-05T14:31:34.983" v="1658" actId="14100"/>
          <ac:spMkLst>
            <pc:docMk/>
            <pc:sldMk cId="79519090" sldId="639"/>
            <ac:spMk id="22" creationId="{A16BF4A7-5474-C503-9536-05E023A8D77E}"/>
          </ac:spMkLst>
        </pc:spChg>
        <pc:spChg chg="add mod">
          <ac:chgData name="Thomas Nyman" userId="ac62be27-690b-42bb-ae39-d787d15a1823" providerId="ADAL" clId="{48C0E8DB-F1B9-4F27-B003-A93734DD60F4}" dt="2025-05-05T14:31:37.523" v="1659" actId="14100"/>
          <ac:spMkLst>
            <pc:docMk/>
            <pc:sldMk cId="79519090" sldId="639"/>
            <ac:spMk id="24" creationId="{928F9DB2-ED0A-71DD-DDFE-BDD8E163447F}"/>
          </ac:spMkLst>
        </pc:spChg>
        <pc:grpChg chg="add mod">
          <ac:chgData name="Thomas Nyman" userId="ac62be27-690b-42bb-ae39-d787d15a1823" providerId="ADAL" clId="{48C0E8DB-F1B9-4F27-B003-A93734DD60F4}" dt="2025-05-05T14:27:07.067" v="1570" actId="164"/>
          <ac:grpSpMkLst>
            <pc:docMk/>
            <pc:sldMk cId="79519090" sldId="639"/>
            <ac:grpSpMk id="23" creationId="{5449631E-E1B6-1A4C-0B0D-4984A0AF2AB3}"/>
          </ac:grpSpMkLst>
        </pc:grpChg>
        <pc:grpChg chg="add mod">
          <ac:chgData name="Thomas Nyman" userId="ac62be27-690b-42bb-ae39-d787d15a1823" providerId="ADAL" clId="{48C0E8DB-F1B9-4F27-B003-A93734DD60F4}" dt="2025-05-05T14:31:45.179" v="1663" actId="1076"/>
          <ac:grpSpMkLst>
            <pc:docMk/>
            <pc:sldMk cId="79519090" sldId="639"/>
            <ac:grpSpMk id="25" creationId="{43B0EB6A-4053-5B87-BF09-58FA51C801A4}"/>
          </ac:grpSpMkLst>
        </pc:grpChg>
        <pc:picChg chg="del">
          <ac:chgData name="Thomas Nyman" userId="ac62be27-690b-42bb-ae39-d787d15a1823" providerId="ADAL" clId="{48C0E8DB-F1B9-4F27-B003-A93734DD60F4}" dt="2025-05-05T13:56:00.200" v="1131" actId="478"/>
          <ac:picMkLst>
            <pc:docMk/>
            <pc:sldMk cId="79519090" sldId="639"/>
            <ac:picMk id="3" creationId="{F7CEF7B3-0B2B-559E-84AB-85E696794886}"/>
          </ac:picMkLst>
        </pc:picChg>
      </pc:sldChg>
      <pc:sldChg chg="modSp mod ord">
        <pc:chgData name="Thomas Nyman" userId="ac62be27-690b-42bb-ae39-d787d15a1823" providerId="ADAL" clId="{48C0E8DB-F1B9-4F27-B003-A93734DD60F4}" dt="2025-05-05T14:50:53.348" v="2077" actId="20577"/>
        <pc:sldMkLst>
          <pc:docMk/>
          <pc:sldMk cId="2573947603" sldId="644"/>
        </pc:sldMkLst>
        <pc:spChg chg="mod">
          <ac:chgData name="Thomas Nyman" userId="ac62be27-690b-42bb-ae39-d787d15a1823" providerId="ADAL" clId="{48C0E8DB-F1B9-4F27-B003-A93734DD60F4}" dt="2025-05-05T14:50:53.348" v="2077" actId="20577"/>
          <ac:spMkLst>
            <pc:docMk/>
            <pc:sldMk cId="2573947603" sldId="644"/>
            <ac:spMk id="2" creationId="{3978A72A-2BA1-7506-943E-D4AD4FC6F73D}"/>
          </ac:spMkLst>
        </pc:spChg>
      </pc:sldChg>
      <pc:sldChg chg="ord">
        <pc:chgData name="Thomas Nyman" userId="ac62be27-690b-42bb-ae39-d787d15a1823" providerId="ADAL" clId="{48C0E8DB-F1B9-4F27-B003-A93734DD60F4}" dt="2025-05-05T14:42:59.453" v="1841"/>
        <pc:sldMkLst>
          <pc:docMk/>
          <pc:sldMk cId="118702118" sldId="645"/>
        </pc:sldMkLst>
      </pc:sldChg>
      <pc:sldChg chg="ord">
        <pc:chgData name="Thomas Nyman" userId="ac62be27-690b-42bb-ae39-d787d15a1823" providerId="ADAL" clId="{48C0E8DB-F1B9-4F27-B003-A93734DD60F4}" dt="2025-05-05T14:43:06.197" v="1843"/>
        <pc:sldMkLst>
          <pc:docMk/>
          <pc:sldMk cId="3616387346" sldId="648"/>
        </pc:sldMkLst>
      </pc:sldChg>
      <pc:sldChg chg="ord">
        <pc:chgData name="Thomas Nyman" userId="ac62be27-690b-42bb-ae39-d787d15a1823" providerId="ADAL" clId="{48C0E8DB-F1B9-4F27-B003-A93734DD60F4}" dt="2025-05-05T14:44:37.208" v="1845"/>
        <pc:sldMkLst>
          <pc:docMk/>
          <pc:sldMk cId="2536854076" sldId="660"/>
        </pc:sldMkLst>
      </pc:sldChg>
      <pc:sldChg chg="ord">
        <pc:chgData name="Thomas Nyman" userId="ac62be27-690b-42bb-ae39-d787d15a1823" providerId="ADAL" clId="{48C0E8DB-F1B9-4F27-B003-A93734DD60F4}" dt="2025-05-05T15:05:46.774" v="2512"/>
        <pc:sldMkLst>
          <pc:docMk/>
          <pc:sldMk cId="2234753253" sldId="666"/>
        </pc:sldMkLst>
      </pc:sldChg>
      <pc:sldChg chg="ord">
        <pc:chgData name="Thomas Nyman" userId="ac62be27-690b-42bb-ae39-d787d15a1823" providerId="ADAL" clId="{48C0E8DB-F1B9-4F27-B003-A93734DD60F4}" dt="2025-05-05T15:08:22.885" v="2558"/>
        <pc:sldMkLst>
          <pc:docMk/>
          <pc:sldMk cId="790210480" sldId="669"/>
        </pc:sldMkLst>
      </pc:sldChg>
      <pc:sldChg chg="addSp modSp mod ord modShow">
        <pc:chgData name="Thomas Nyman" userId="ac62be27-690b-42bb-ae39-d787d15a1823" providerId="ADAL" clId="{48C0E8DB-F1B9-4F27-B003-A93734DD60F4}" dt="2025-05-05T15:12:50.972" v="2590"/>
        <pc:sldMkLst>
          <pc:docMk/>
          <pc:sldMk cId="3863049952" sldId="673"/>
        </pc:sldMkLst>
        <pc:spChg chg="add mod">
          <ac:chgData name="Thomas Nyman" userId="ac62be27-690b-42bb-ae39-d787d15a1823" providerId="ADAL" clId="{48C0E8DB-F1B9-4F27-B003-A93734DD60F4}" dt="2025-05-05T15:10:16.728" v="2574" actId="14100"/>
          <ac:spMkLst>
            <pc:docMk/>
            <pc:sldMk cId="3863049952" sldId="673"/>
            <ac:spMk id="3" creationId="{A838B7FF-2E25-E5C8-4605-12B4797F4C46}"/>
          </ac:spMkLst>
        </pc:spChg>
        <pc:spChg chg="add mod">
          <ac:chgData name="Thomas Nyman" userId="ac62be27-690b-42bb-ae39-d787d15a1823" providerId="ADAL" clId="{48C0E8DB-F1B9-4F27-B003-A93734DD60F4}" dt="2025-05-05T15:10:34.377" v="2581" actId="14100"/>
          <ac:spMkLst>
            <pc:docMk/>
            <pc:sldMk cId="3863049952" sldId="673"/>
            <ac:spMk id="5" creationId="{F3AF2932-1EFC-7801-4063-CD9B3D054109}"/>
          </ac:spMkLst>
        </pc:spChg>
        <pc:picChg chg="mod">
          <ac:chgData name="Thomas Nyman" userId="ac62be27-690b-42bb-ae39-d787d15a1823" providerId="ADAL" clId="{48C0E8DB-F1B9-4F27-B003-A93734DD60F4}" dt="2025-05-05T15:10:24.858" v="2577" actId="1076"/>
          <ac:picMkLst>
            <pc:docMk/>
            <pc:sldMk cId="3863049952" sldId="673"/>
            <ac:picMk id="4" creationId="{C524658A-6B0F-FB5F-2EBF-7DCCD0A7271D}"/>
          </ac:picMkLst>
        </pc:picChg>
      </pc:sldChg>
      <pc:sldChg chg="ord">
        <pc:chgData name="Thomas Nyman" userId="ac62be27-690b-42bb-ae39-d787d15a1823" providerId="ADAL" clId="{48C0E8DB-F1B9-4F27-B003-A93734DD60F4}" dt="2025-05-05T14:43:06.197" v="1843"/>
        <pc:sldMkLst>
          <pc:docMk/>
          <pc:sldMk cId="617369384" sldId="684"/>
        </pc:sldMkLst>
      </pc:sldChg>
      <pc:sldChg chg="addSp modSp mod">
        <pc:chgData name="Thomas Nyman" userId="ac62be27-690b-42bb-ae39-d787d15a1823" providerId="ADAL" clId="{48C0E8DB-F1B9-4F27-B003-A93734DD60F4}" dt="2025-05-05T14:28:21.488" v="1633" actId="207"/>
        <pc:sldMkLst>
          <pc:docMk/>
          <pc:sldMk cId="730212604" sldId="685"/>
        </pc:sldMkLst>
        <pc:spChg chg="mod">
          <ac:chgData name="Thomas Nyman" userId="ac62be27-690b-42bb-ae39-d787d15a1823" providerId="ADAL" clId="{48C0E8DB-F1B9-4F27-B003-A93734DD60F4}" dt="2025-05-05T14:10:52.325" v="1335" actId="20577"/>
          <ac:spMkLst>
            <pc:docMk/>
            <pc:sldMk cId="730212604" sldId="685"/>
            <ac:spMk id="3" creationId="{2779A596-181F-1C94-1CBB-11B5BDF465C8}"/>
          </ac:spMkLst>
        </pc:spChg>
        <pc:spChg chg="add mod">
          <ac:chgData name="Thomas Nyman" userId="ac62be27-690b-42bb-ae39-d787d15a1823" providerId="ADAL" clId="{48C0E8DB-F1B9-4F27-B003-A93734DD60F4}" dt="2025-05-05T13:35:37.374" v="80"/>
          <ac:spMkLst>
            <pc:docMk/>
            <pc:sldMk cId="730212604" sldId="685"/>
            <ac:spMk id="4" creationId="{2B661F3E-DA4B-0628-C2D6-EC778E9BCA9A}"/>
          </ac:spMkLst>
        </pc:spChg>
        <pc:spChg chg="add mod">
          <ac:chgData name="Thomas Nyman" userId="ac62be27-690b-42bb-ae39-d787d15a1823" providerId="ADAL" clId="{48C0E8DB-F1B9-4F27-B003-A93734DD60F4}" dt="2025-05-05T13:35:37.374" v="80"/>
          <ac:spMkLst>
            <pc:docMk/>
            <pc:sldMk cId="730212604" sldId="685"/>
            <ac:spMk id="5" creationId="{68535CC2-D518-2AA8-C099-BE1A8C2A145C}"/>
          </ac:spMkLst>
        </pc:spChg>
        <pc:spChg chg="add mod">
          <ac:chgData name="Thomas Nyman" userId="ac62be27-690b-42bb-ae39-d787d15a1823" providerId="ADAL" clId="{48C0E8DB-F1B9-4F27-B003-A93734DD60F4}" dt="2025-05-05T13:35:37.374" v="80"/>
          <ac:spMkLst>
            <pc:docMk/>
            <pc:sldMk cId="730212604" sldId="685"/>
            <ac:spMk id="6" creationId="{1F7ABC9E-BC57-EA8A-52EA-D496E88BBAD3}"/>
          </ac:spMkLst>
        </pc:spChg>
        <pc:spChg chg="add mod">
          <ac:chgData name="Thomas Nyman" userId="ac62be27-690b-42bb-ae39-d787d15a1823" providerId="ADAL" clId="{48C0E8DB-F1B9-4F27-B003-A93734DD60F4}" dt="2025-05-05T13:35:37.374" v="80"/>
          <ac:spMkLst>
            <pc:docMk/>
            <pc:sldMk cId="730212604" sldId="685"/>
            <ac:spMk id="7" creationId="{789260F2-5708-DD79-1CE4-2DBDF739714D}"/>
          </ac:spMkLst>
        </pc:spChg>
        <pc:spChg chg="add mod">
          <ac:chgData name="Thomas Nyman" userId="ac62be27-690b-42bb-ae39-d787d15a1823" providerId="ADAL" clId="{48C0E8DB-F1B9-4F27-B003-A93734DD60F4}" dt="2025-05-05T13:35:37.374" v="80"/>
          <ac:spMkLst>
            <pc:docMk/>
            <pc:sldMk cId="730212604" sldId="685"/>
            <ac:spMk id="8" creationId="{72509461-3606-5532-DFFD-11E99434A378}"/>
          </ac:spMkLst>
        </pc:spChg>
        <pc:spChg chg="add mod">
          <ac:chgData name="Thomas Nyman" userId="ac62be27-690b-42bb-ae39-d787d15a1823" providerId="ADAL" clId="{48C0E8DB-F1B9-4F27-B003-A93734DD60F4}" dt="2025-05-05T13:35:37.374" v="80"/>
          <ac:spMkLst>
            <pc:docMk/>
            <pc:sldMk cId="730212604" sldId="685"/>
            <ac:spMk id="9" creationId="{7BDC9A23-584E-6D4E-6908-34463E353189}"/>
          </ac:spMkLst>
        </pc:spChg>
        <pc:spChg chg="add mod">
          <ac:chgData name="Thomas Nyman" userId="ac62be27-690b-42bb-ae39-d787d15a1823" providerId="ADAL" clId="{48C0E8DB-F1B9-4F27-B003-A93734DD60F4}" dt="2025-05-05T13:35:50.866" v="82" actId="1076"/>
          <ac:spMkLst>
            <pc:docMk/>
            <pc:sldMk cId="730212604" sldId="685"/>
            <ac:spMk id="10" creationId="{89984455-606C-B612-E5E8-42B7172C4BF9}"/>
          </ac:spMkLst>
        </pc:spChg>
        <pc:spChg chg="add mod">
          <ac:chgData name="Thomas Nyman" userId="ac62be27-690b-42bb-ae39-d787d15a1823" providerId="ADAL" clId="{48C0E8DB-F1B9-4F27-B003-A93734DD60F4}" dt="2025-05-05T13:36:02.943" v="84" actId="207"/>
          <ac:spMkLst>
            <pc:docMk/>
            <pc:sldMk cId="730212604" sldId="685"/>
            <ac:spMk id="11" creationId="{BD83FFA0-4EF2-7C93-768F-0A3B1935A012}"/>
          </ac:spMkLst>
        </pc:spChg>
        <pc:spChg chg="add mod">
          <ac:chgData name="Thomas Nyman" userId="ac62be27-690b-42bb-ae39-d787d15a1823" providerId="ADAL" clId="{48C0E8DB-F1B9-4F27-B003-A93734DD60F4}" dt="2025-05-05T13:35:50.866" v="82" actId="1076"/>
          <ac:spMkLst>
            <pc:docMk/>
            <pc:sldMk cId="730212604" sldId="685"/>
            <ac:spMk id="12" creationId="{8231FA7E-1B0C-AA18-DFE9-7D43A399F0F3}"/>
          </ac:spMkLst>
        </pc:spChg>
        <pc:spChg chg="add mod">
          <ac:chgData name="Thomas Nyman" userId="ac62be27-690b-42bb-ae39-d787d15a1823" providerId="ADAL" clId="{48C0E8DB-F1B9-4F27-B003-A93734DD60F4}" dt="2025-05-05T13:35:50.866" v="82" actId="1076"/>
          <ac:spMkLst>
            <pc:docMk/>
            <pc:sldMk cId="730212604" sldId="685"/>
            <ac:spMk id="13" creationId="{E33A41A2-1CDD-51B4-E6B0-68526C3E45EB}"/>
          </ac:spMkLst>
        </pc:spChg>
        <pc:spChg chg="add mod">
          <ac:chgData name="Thomas Nyman" userId="ac62be27-690b-42bb-ae39-d787d15a1823" providerId="ADAL" clId="{48C0E8DB-F1B9-4F27-B003-A93734DD60F4}" dt="2025-05-05T13:35:50.866" v="82" actId="1076"/>
          <ac:spMkLst>
            <pc:docMk/>
            <pc:sldMk cId="730212604" sldId="685"/>
            <ac:spMk id="14" creationId="{3D5768B9-DBD8-AD6F-2A0C-05BEA608993E}"/>
          </ac:spMkLst>
        </pc:spChg>
        <pc:spChg chg="add mod">
          <ac:chgData name="Thomas Nyman" userId="ac62be27-690b-42bb-ae39-d787d15a1823" providerId="ADAL" clId="{48C0E8DB-F1B9-4F27-B003-A93734DD60F4}" dt="2025-05-05T13:35:50.866" v="82" actId="1076"/>
          <ac:spMkLst>
            <pc:docMk/>
            <pc:sldMk cId="730212604" sldId="685"/>
            <ac:spMk id="15" creationId="{F2E07A96-8A37-B7C0-A8D1-2F846EB40B0C}"/>
          </ac:spMkLst>
        </pc:spChg>
        <pc:spChg chg="add mod">
          <ac:chgData name="Thomas Nyman" userId="ac62be27-690b-42bb-ae39-d787d15a1823" providerId="ADAL" clId="{48C0E8DB-F1B9-4F27-B003-A93734DD60F4}" dt="2025-05-05T14:28:21.488" v="1633" actId="207"/>
          <ac:spMkLst>
            <pc:docMk/>
            <pc:sldMk cId="730212604" sldId="685"/>
            <ac:spMk id="16" creationId="{6FD5E6C1-868B-F770-F42E-FEE93F2FA1B8}"/>
          </ac:spMkLst>
        </pc:spChg>
      </pc:sldChg>
      <pc:sldChg chg="ord">
        <pc:chgData name="Thomas Nyman" userId="ac62be27-690b-42bb-ae39-d787d15a1823" providerId="ADAL" clId="{48C0E8DB-F1B9-4F27-B003-A93734DD60F4}" dt="2025-05-05T15:12:57.344" v="2592"/>
        <pc:sldMkLst>
          <pc:docMk/>
          <pc:sldMk cId="2265411207" sldId="686"/>
        </pc:sldMkLst>
      </pc:sldChg>
      <pc:sldChg chg="mod ord modShow">
        <pc:chgData name="Thomas Nyman" userId="ac62be27-690b-42bb-ae39-d787d15a1823" providerId="ADAL" clId="{48C0E8DB-F1B9-4F27-B003-A93734DD60F4}" dt="2025-05-05T14:43:06.197" v="1843"/>
        <pc:sldMkLst>
          <pc:docMk/>
          <pc:sldMk cId="2163285641" sldId="687"/>
        </pc:sldMkLst>
      </pc:sldChg>
      <pc:sldChg chg="add mod ord modShow">
        <pc:chgData name="Thomas Nyman" userId="ac62be27-690b-42bb-ae39-d787d15a1823" providerId="ADAL" clId="{48C0E8DB-F1B9-4F27-B003-A93734DD60F4}" dt="2025-05-05T14:43:06.197" v="1843"/>
        <pc:sldMkLst>
          <pc:docMk/>
          <pc:sldMk cId="1324350210" sldId="688"/>
        </pc:sldMkLst>
      </pc:sldChg>
      <pc:sldChg chg="addSp delSp modSp new mod modClrScheme modAnim chgLayout">
        <pc:chgData name="Thomas Nyman" userId="ac62be27-690b-42bb-ae39-d787d15a1823" providerId="ADAL" clId="{48C0E8DB-F1B9-4F27-B003-A93734DD60F4}" dt="2025-05-05T14:42:01.765" v="1837" actId="1076"/>
        <pc:sldMkLst>
          <pc:docMk/>
          <pc:sldMk cId="1412824670" sldId="689"/>
        </pc:sldMkLst>
        <pc:spChg chg="del mod ord">
          <ac:chgData name="Thomas Nyman" userId="ac62be27-690b-42bb-ae39-d787d15a1823" providerId="ADAL" clId="{48C0E8DB-F1B9-4F27-B003-A93734DD60F4}" dt="2025-05-05T14:33:44.253" v="1668" actId="700"/>
          <ac:spMkLst>
            <pc:docMk/>
            <pc:sldMk cId="1412824670" sldId="689"/>
            <ac:spMk id="2" creationId="{AD0B93B7-F8E0-CC03-BD9C-B8C02D4DB5BE}"/>
          </ac:spMkLst>
        </pc:spChg>
        <pc:spChg chg="del mod ord">
          <ac:chgData name="Thomas Nyman" userId="ac62be27-690b-42bb-ae39-d787d15a1823" providerId="ADAL" clId="{48C0E8DB-F1B9-4F27-B003-A93734DD60F4}" dt="2025-05-05T14:33:44.253" v="1668" actId="700"/>
          <ac:spMkLst>
            <pc:docMk/>
            <pc:sldMk cId="1412824670" sldId="689"/>
            <ac:spMk id="3" creationId="{B604B620-4CA8-2FD5-23A4-B4AFC621A0EA}"/>
          </ac:spMkLst>
        </pc:spChg>
        <pc:spChg chg="add mod ord">
          <ac:chgData name="Thomas Nyman" userId="ac62be27-690b-42bb-ae39-d787d15a1823" providerId="ADAL" clId="{48C0E8DB-F1B9-4F27-B003-A93734DD60F4}" dt="2025-05-05T14:38:11.309" v="1712" actId="20577"/>
          <ac:spMkLst>
            <pc:docMk/>
            <pc:sldMk cId="1412824670" sldId="689"/>
            <ac:spMk id="4" creationId="{F811EFB8-BEDF-74F2-93A0-8301B2151337}"/>
          </ac:spMkLst>
        </pc:spChg>
        <pc:spChg chg="add mod ord">
          <ac:chgData name="Thomas Nyman" userId="ac62be27-690b-42bb-ae39-d787d15a1823" providerId="ADAL" clId="{48C0E8DB-F1B9-4F27-B003-A93734DD60F4}" dt="2025-05-05T14:34:06.805" v="1671" actId="255"/>
          <ac:spMkLst>
            <pc:docMk/>
            <pc:sldMk cId="1412824670" sldId="689"/>
            <ac:spMk id="5" creationId="{8497A597-97D9-8976-5243-2E46590B8D11}"/>
          </ac:spMkLst>
        </pc:spChg>
        <pc:spChg chg="add mod ord">
          <ac:chgData name="Thomas Nyman" userId="ac62be27-690b-42bb-ae39-d787d15a1823" providerId="ADAL" clId="{48C0E8DB-F1B9-4F27-B003-A93734DD60F4}" dt="2025-05-05T14:38:42.802" v="1713" actId="20577"/>
          <ac:spMkLst>
            <pc:docMk/>
            <pc:sldMk cId="1412824670" sldId="689"/>
            <ac:spMk id="6" creationId="{C47449DD-1CCB-D5A0-0951-08AEA3DE820A}"/>
          </ac:spMkLst>
        </pc:spChg>
        <pc:spChg chg="mod topLvl">
          <ac:chgData name="Thomas Nyman" userId="ac62be27-690b-42bb-ae39-d787d15a1823" providerId="ADAL" clId="{48C0E8DB-F1B9-4F27-B003-A93734DD60F4}" dt="2025-05-05T14:39:54.081" v="1715" actId="1076"/>
          <ac:spMkLst>
            <pc:docMk/>
            <pc:sldMk cId="1412824670" sldId="689"/>
            <ac:spMk id="8" creationId="{C7AFFB63-74C7-B8E2-AF76-D1DB14E6EB82}"/>
          </ac:spMkLst>
        </pc:spChg>
        <pc:spChg chg="mod topLvl">
          <ac:chgData name="Thomas Nyman" userId="ac62be27-690b-42bb-ae39-d787d15a1823" providerId="ADAL" clId="{48C0E8DB-F1B9-4F27-B003-A93734DD60F4}" dt="2025-05-05T14:39:54.081" v="1715" actId="1076"/>
          <ac:spMkLst>
            <pc:docMk/>
            <pc:sldMk cId="1412824670" sldId="689"/>
            <ac:spMk id="9" creationId="{23B6E6B6-9856-55EA-B7CD-F814D31EFE71}"/>
          </ac:spMkLst>
        </pc:spChg>
        <pc:spChg chg="mod topLvl">
          <ac:chgData name="Thomas Nyman" userId="ac62be27-690b-42bb-ae39-d787d15a1823" providerId="ADAL" clId="{48C0E8DB-F1B9-4F27-B003-A93734DD60F4}" dt="2025-05-05T14:39:54.081" v="1715" actId="1076"/>
          <ac:spMkLst>
            <pc:docMk/>
            <pc:sldMk cId="1412824670" sldId="689"/>
            <ac:spMk id="10" creationId="{FDE3DD7F-E4A3-C457-21B5-590C81D593C6}"/>
          </ac:spMkLst>
        </pc:spChg>
        <pc:spChg chg="mod topLvl">
          <ac:chgData name="Thomas Nyman" userId="ac62be27-690b-42bb-ae39-d787d15a1823" providerId="ADAL" clId="{48C0E8DB-F1B9-4F27-B003-A93734DD60F4}" dt="2025-05-05T14:39:54.081" v="1715" actId="1076"/>
          <ac:spMkLst>
            <pc:docMk/>
            <pc:sldMk cId="1412824670" sldId="689"/>
            <ac:spMk id="11" creationId="{98959CFF-BA0B-AEA9-5FD0-325B4B3469E0}"/>
          </ac:spMkLst>
        </pc:spChg>
        <pc:spChg chg="mod topLvl">
          <ac:chgData name="Thomas Nyman" userId="ac62be27-690b-42bb-ae39-d787d15a1823" providerId="ADAL" clId="{48C0E8DB-F1B9-4F27-B003-A93734DD60F4}" dt="2025-05-05T14:39:54.081" v="1715" actId="1076"/>
          <ac:spMkLst>
            <pc:docMk/>
            <pc:sldMk cId="1412824670" sldId="689"/>
            <ac:spMk id="12" creationId="{832EE906-3B9B-7706-326F-E7F514392C11}"/>
          </ac:spMkLst>
        </pc:spChg>
        <pc:spChg chg="mod topLvl">
          <ac:chgData name="Thomas Nyman" userId="ac62be27-690b-42bb-ae39-d787d15a1823" providerId="ADAL" clId="{48C0E8DB-F1B9-4F27-B003-A93734DD60F4}" dt="2025-05-05T14:39:54.081" v="1715" actId="1076"/>
          <ac:spMkLst>
            <pc:docMk/>
            <pc:sldMk cId="1412824670" sldId="689"/>
            <ac:spMk id="13" creationId="{4CD51366-6EB2-413B-1EF7-C30C5BA90FA6}"/>
          </ac:spMkLst>
        </pc:spChg>
        <pc:spChg chg="mod topLvl">
          <ac:chgData name="Thomas Nyman" userId="ac62be27-690b-42bb-ae39-d787d15a1823" providerId="ADAL" clId="{48C0E8DB-F1B9-4F27-B003-A93734DD60F4}" dt="2025-05-05T14:39:54.081" v="1715" actId="1076"/>
          <ac:spMkLst>
            <pc:docMk/>
            <pc:sldMk cId="1412824670" sldId="689"/>
            <ac:spMk id="14" creationId="{6D2547A5-0609-662B-8469-F9A10117CB0A}"/>
          </ac:spMkLst>
        </pc:spChg>
        <pc:spChg chg="mod topLvl">
          <ac:chgData name="Thomas Nyman" userId="ac62be27-690b-42bb-ae39-d787d15a1823" providerId="ADAL" clId="{48C0E8DB-F1B9-4F27-B003-A93734DD60F4}" dt="2025-05-05T14:39:54.081" v="1715" actId="1076"/>
          <ac:spMkLst>
            <pc:docMk/>
            <pc:sldMk cId="1412824670" sldId="689"/>
            <ac:spMk id="15" creationId="{C9BBB917-6505-A315-F2C2-C54FB0D87136}"/>
          </ac:spMkLst>
        </pc:spChg>
        <pc:spChg chg="add mod">
          <ac:chgData name="Thomas Nyman" userId="ac62be27-690b-42bb-ae39-d787d15a1823" providerId="ADAL" clId="{48C0E8DB-F1B9-4F27-B003-A93734DD60F4}" dt="2025-05-05T14:42:01.765" v="1837" actId="1076"/>
          <ac:spMkLst>
            <pc:docMk/>
            <pc:sldMk cId="1412824670" sldId="689"/>
            <ac:spMk id="16" creationId="{06F80879-44C9-1211-3EC3-6061DEC311F8}"/>
          </ac:spMkLst>
        </pc:spChg>
        <pc:grpChg chg="add del mod">
          <ac:chgData name="Thomas Nyman" userId="ac62be27-690b-42bb-ae39-d787d15a1823" providerId="ADAL" clId="{48C0E8DB-F1B9-4F27-B003-A93734DD60F4}" dt="2025-05-05T14:37:38.137" v="1696" actId="165"/>
          <ac:grpSpMkLst>
            <pc:docMk/>
            <pc:sldMk cId="1412824670" sldId="689"/>
            <ac:grpSpMk id="7" creationId="{205F5D24-2331-1E82-7385-0BC3D4B817C9}"/>
          </ac:grpSpMkLst>
        </pc:grpChg>
      </pc:sldChg>
      <pc:sldChg chg="new del">
        <pc:chgData name="Thomas Nyman" userId="ac62be27-690b-42bb-ae39-d787d15a1823" providerId="ADAL" clId="{48C0E8DB-F1B9-4F27-B003-A93734DD60F4}" dt="2025-05-05T13:42:14.020" v="533" actId="47"/>
        <pc:sldMkLst>
          <pc:docMk/>
          <pc:sldMk cId="2712012678" sldId="689"/>
        </pc:sldMkLst>
      </pc:sldChg>
      <pc:sldChg chg="new ord">
        <pc:chgData name="Thomas Nyman" userId="ac62be27-690b-42bb-ae39-d787d15a1823" providerId="ADAL" clId="{48C0E8DB-F1B9-4F27-B003-A93734DD60F4}" dt="2025-05-05T15:13:02.487" v="2594"/>
        <pc:sldMkLst>
          <pc:docMk/>
          <pc:sldMk cId="620166863" sldId="690"/>
        </pc:sldMkLst>
      </pc:sldChg>
      <pc:sldChg chg="addSp delSp modSp add mod ord addAnim delAnim modAnim">
        <pc:chgData name="Thomas Nyman" userId="ac62be27-690b-42bb-ae39-d787d15a1823" providerId="ADAL" clId="{48C0E8DB-F1B9-4F27-B003-A93734DD60F4}" dt="2025-05-05T15:08:41.109" v="2561"/>
        <pc:sldMkLst>
          <pc:docMk/>
          <pc:sldMk cId="1320901534" sldId="691"/>
        </pc:sldMkLst>
        <pc:spChg chg="add del mod topLvl">
          <ac:chgData name="Thomas Nyman" userId="ac62be27-690b-42bb-ae39-d787d15a1823" providerId="ADAL" clId="{48C0E8DB-F1B9-4F27-B003-A93734DD60F4}" dt="2025-05-05T15:07:38.592" v="2550" actId="478"/>
          <ac:spMkLst>
            <pc:docMk/>
            <pc:sldMk cId="1320901534" sldId="691"/>
            <ac:spMk id="2" creationId="{DD0EB1DB-4948-0527-0B61-16392BBFEECB}"/>
          </ac:spMkLst>
        </pc:spChg>
        <pc:spChg chg="add mod">
          <ac:chgData name="Thomas Nyman" userId="ac62be27-690b-42bb-ae39-d787d15a1823" providerId="ADAL" clId="{48C0E8DB-F1B9-4F27-B003-A93734DD60F4}" dt="2025-05-05T15:02:46.944" v="2501" actId="164"/>
          <ac:spMkLst>
            <pc:docMk/>
            <pc:sldMk cId="1320901534" sldId="691"/>
            <ac:spMk id="3" creationId="{6F8291F9-C91A-EF6C-B65E-ED0AE2DA34BD}"/>
          </ac:spMkLst>
        </pc:spChg>
        <pc:spChg chg="mod">
          <ac:chgData name="Thomas Nyman" userId="ac62be27-690b-42bb-ae39-d787d15a1823" providerId="ADAL" clId="{48C0E8DB-F1B9-4F27-B003-A93734DD60F4}" dt="2025-05-05T14:47:24.593" v="2019" actId="20577"/>
          <ac:spMkLst>
            <pc:docMk/>
            <pc:sldMk cId="1320901534" sldId="691"/>
            <ac:spMk id="8" creationId="{A28BBE29-EABE-44CB-B6D9-7B2756C55A67}"/>
          </ac:spMkLst>
        </pc:spChg>
        <pc:spChg chg="mod">
          <ac:chgData name="Thomas Nyman" userId="ac62be27-690b-42bb-ae39-d787d15a1823" providerId="ADAL" clId="{48C0E8DB-F1B9-4F27-B003-A93734DD60F4}" dt="2025-05-05T14:58:31.127" v="2378" actId="1076"/>
          <ac:spMkLst>
            <pc:docMk/>
            <pc:sldMk cId="1320901534" sldId="691"/>
            <ac:spMk id="54" creationId="{BBB032EF-C7F9-E8CE-36F6-37D8B5DD8ED4}"/>
          </ac:spMkLst>
        </pc:spChg>
        <pc:spChg chg="add del mod">
          <ac:chgData name="Thomas Nyman" userId="ac62be27-690b-42bb-ae39-d787d15a1823" providerId="ADAL" clId="{48C0E8DB-F1B9-4F27-B003-A93734DD60F4}" dt="2025-05-05T15:07:41.352" v="2551" actId="478"/>
          <ac:spMkLst>
            <pc:docMk/>
            <pc:sldMk cId="1320901534" sldId="691"/>
            <ac:spMk id="55" creationId="{C04AFEE3-6D78-4054-1C7C-F9BAF0A061DA}"/>
          </ac:spMkLst>
        </pc:spChg>
        <pc:spChg chg="add del mod">
          <ac:chgData name="Thomas Nyman" userId="ac62be27-690b-42bb-ae39-d787d15a1823" providerId="ADAL" clId="{48C0E8DB-F1B9-4F27-B003-A93734DD60F4}" dt="2025-05-05T15:07:41.352" v="2551" actId="478"/>
          <ac:spMkLst>
            <pc:docMk/>
            <pc:sldMk cId="1320901534" sldId="691"/>
            <ac:spMk id="56" creationId="{21813612-ACB2-85F5-C587-9E36087780FC}"/>
          </ac:spMkLst>
        </pc:spChg>
        <pc:spChg chg="mod topLvl">
          <ac:chgData name="Thomas Nyman" userId="ac62be27-690b-42bb-ae39-d787d15a1823" providerId="ADAL" clId="{48C0E8DB-F1B9-4F27-B003-A93734DD60F4}" dt="2025-05-05T15:07:38.592" v="2550" actId="478"/>
          <ac:spMkLst>
            <pc:docMk/>
            <pc:sldMk cId="1320901534" sldId="691"/>
            <ac:spMk id="57" creationId="{7B77CB51-694B-CCA5-B5D7-E2BDF844A0D4}"/>
          </ac:spMkLst>
        </pc:spChg>
        <pc:spChg chg="mod">
          <ac:chgData name="Thomas Nyman" userId="ac62be27-690b-42bb-ae39-d787d15a1823" providerId="ADAL" clId="{48C0E8DB-F1B9-4F27-B003-A93734DD60F4}" dt="2025-05-05T15:07:17.948" v="2544" actId="20577"/>
          <ac:spMkLst>
            <pc:docMk/>
            <pc:sldMk cId="1320901534" sldId="691"/>
            <ac:spMk id="58" creationId="{ACD48A52-9D36-ED5B-08E0-D5068C4A262B}"/>
          </ac:spMkLst>
        </pc:spChg>
        <pc:spChg chg="add del mod">
          <ac:chgData name="Thomas Nyman" userId="ac62be27-690b-42bb-ae39-d787d15a1823" providerId="ADAL" clId="{48C0E8DB-F1B9-4F27-B003-A93734DD60F4}" dt="2025-05-05T15:07:41.352" v="2551" actId="478"/>
          <ac:spMkLst>
            <pc:docMk/>
            <pc:sldMk cId="1320901534" sldId="691"/>
            <ac:spMk id="59" creationId="{892B0C70-EE99-D218-241E-DE55BB8D7773}"/>
          </ac:spMkLst>
        </pc:spChg>
        <pc:grpChg chg="add del mod">
          <ac:chgData name="Thomas Nyman" userId="ac62be27-690b-42bb-ae39-d787d15a1823" providerId="ADAL" clId="{48C0E8DB-F1B9-4F27-B003-A93734DD60F4}" dt="2025-05-05T15:07:38.592" v="2550" actId="478"/>
          <ac:grpSpMkLst>
            <pc:docMk/>
            <pc:sldMk cId="1320901534" sldId="691"/>
            <ac:grpSpMk id="4" creationId="{643E2998-C44F-3931-0651-6ABE8AEEE869}"/>
          </ac:grpSpMkLst>
        </pc:grpChg>
        <pc:grpChg chg="add del mod">
          <ac:chgData name="Thomas Nyman" userId="ac62be27-690b-42bb-ae39-d787d15a1823" providerId="ADAL" clId="{48C0E8DB-F1B9-4F27-B003-A93734DD60F4}" dt="2025-05-05T15:07:41.352" v="2551" actId="478"/>
          <ac:grpSpMkLst>
            <pc:docMk/>
            <pc:sldMk cId="1320901534" sldId="691"/>
            <ac:grpSpMk id="5" creationId="{D325CB58-8F95-5D7A-B822-32985E5AD537}"/>
          </ac:grpSpMkLst>
        </pc:grpChg>
        <pc:grpChg chg="del mod">
          <ac:chgData name="Thomas Nyman" userId="ac62be27-690b-42bb-ae39-d787d15a1823" providerId="ADAL" clId="{48C0E8DB-F1B9-4F27-B003-A93734DD60F4}" dt="2025-05-05T15:00:52.509" v="2495" actId="478"/>
          <ac:grpSpMkLst>
            <pc:docMk/>
            <pc:sldMk cId="1320901534" sldId="691"/>
            <ac:grpSpMk id="60" creationId="{CE4784E4-392D-2E34-DED4-E569832FA691}"/>
          </ac:grpSpMkLst>
        </pc:grpChg>
        <pc:grpChg chg="del mod">
          <ac:chgData name="Thomas Nyman" userId="ac62be27-690b-42bb-ae39-d787d15a1823" providerId="ADAL" clId="{48C0E8DB-F1B9-4F27-B003-A93734DD60F4}" dt="2025-05-05T15:01:05.107" v="2496" actId="478"/>
          <ac:grpSpMkLst>
            <pc:docMk/>
            <pc:sldMk cId="1320901534" sldId="691"/>
            <ac:grpSpMk id="68" creationId="{4A01B406-B9FA-3CFB-2B33-81C36110905A}"/>
          </ac:grpSpMkLst>
        </pc:grpChg>
        <pc:grpChg chg="del mod">
          <ac:chgData name="Thomas Nyman" userId="ac62be27-690b-42bb-ae39-d787d15a1823" providerId="ADAL" clId="{48C0E8DB-F1B9-4F27-B003-A93734DD60F4}" dt="2025-05-05T15:01:13.029" v="2498" actId="478"/>
          <ac:grpSpMkLst>
            <pc:docMk/>
            <pc:sldMk cId="1320901534" sldId="691"/>
            <ac:grpSpMk id="72" creationId="{095BADD2-ECFA-F002-64E4-8378EEEACADF}"/>
          </ac:grpSpMkLst>
        </pc:grpChg>
      </pc:sldChg>
      <pc:sldChg chg="delSp add mod ord delAnim modAnim">
        <pc:chgData name="Thomas Nyman" userId="ac62be27-690b-42bb-ae39-d787d15a1823" providerId="ADAL" clId="{48C0E8DB-F1B9-4F27-B003-A93734DD60F4}" dt="2025-05-05T15:08:07.029" v="2555"/>
        <pc:sldMkLst>
          <pc:docMk/>
          <pc:sldMk cId="789133569" sldId="692"/>
        </pc:sldMkLst>
        <pc:spChg chg="del topLvl">
          <ac:chgData name="Thomas Nyman" userId="ac62be27-690b-42bb-ae39-d787d15a1823" providerId="ADAL" clId="{48C0E8DB-F1B9-4F27-B003-A93734DD60F4}" dt="2025-05-05T15:07:46.208" v="2552" actId="478"/>
          <ac:spMkLst>
            <pc:docMk/>
            <pc:sldMk cId="789133569" sldId="692"/>
            <ac:spMk id="3" creationId="{6F8291F9-C91A-EF6C-B65E-ED0AE2DA34BD}"/>
          </ac:spMkLst>
        </pc:spChg>
        <pc:spChg chg="del">
          <ac:chgData name="Thomas Nyman" userId="ac62be27-690b-42bb-ae39-d787d15a1823" providerId="ADAL" clId="{48C0E8DB-F1B9-4F27-B003-A93734DD60F4}" dt="2025-05-05T15:07:48.534" v="2553" actId="478"/>
          <ac:spMkLst>
            <pc:docMk/>
            <pc:sldMk cId="789133569" sldId="692"/>
            <ac:spMk id="56" creationId="{21813612-ACB2-85F5-C587-9E36087780FC}"/>
          </ac:spMkLst>
        </pc:spChg>
        <pc:spChg chg="topLvl">
          <ac:chgData name="Thomas Nyman" userId="ac62be27-690b-42bb-ae39-d787d15a1823" providerId="ADAL" clId="{48C0E8DB-F1B9-4F27-B003-A93734DD60F4}" dt="2025-05-05T15:07:46.208" v="2552" actId="478"/>
          <ac:spMkLst>
            <pc:docMk/>
            <pc:sldMk cId="789133569" sldId="692"/>
            <ac:spMk id="58" creationId="{ACD48A52-9D36-ED5B-08E0-D5068C4A262B}"/>
          </ac:spMkLst>
        </pc:spChg>
        <pc:spChg chg="del">
          <ac:chgData name="Thomas Nyman" userId="ac62be27-690b-42bb-ae39-d787d15a1823" providerId="ADAL" clId="{48C0E8DB-F1B9-4F27-B003-A93734DD60F4}" dt="2025-05-05T15:07:48.534" v="2553" actId="478"/>
          <ac:spMkLst>
            <pc:docMk/>
            <pc:sldMk cId="789133569" sldId="692"/>
            <ac:spMk id="59" creationId="{892B0C70-EE99-D218-241E-DE55BB8D7773}"/>
          </ac:spMkLst>
        </pc:spChg>
        <pc:grpChg chg="del">
          <ac:chgData name="Thomas Nyman" userId="ac62be27-690b-42bb-ae39-d787d15a1823" providerId="ADAL" clId="{48C0E8DB-F1B9-4F27-B003-A93734DD60F4}" dt="2025-05-05T15:07:46.208" v="2552" actId="478"/>
          <ac:grpSpMkLst>
            <pc:docMk/>
            <pc:sldMk cId="789133569" sldId="692"/>
            <ac:grpSpMk id="5" creationId="{D325CB58-8F95-5D7A-B822-32985E5AD537}"/>
          </ac:grpSpMkLst>
        </pc:grpChg>
      </pc:sldChg>
      <pc:sldChg chg="add del ord">
        <pc:chgData name="Thomas Nyman" userId="ac62be27-690b-42bb-ae39-d787d15a1823" providerId="ADAL" clId="{48C0E8DB-F1B9-4F27-B003-A93734DD60F4}" dt="2025-05-05T15:07:25.309" v="2545" actId="47"/>
        <pc:sldMkLst>
          <pc:docMk/>
          <pc:sldMk cId="3820825721" sldId="692"/>
        </pc:sldMkLst>
      </pc:sldChg>
      <pc:sldChg chg="add del ord">
        <pc:chgData name="Thomas Nyman" userId="ac62be27-690b-42bb-ae39-d787d15a1823" providerId="ADAL" clId="{48C0E8DB-F1B9-4F27-B003-A93734DD60F4}" dt="2025-05-05T15:07:25.309" v="2545" actId="47"/>
        <pc:sldMkLst>
          <pc:docMk/>
          <pc:sldMk cId="249340385" sldId="693"/>
        </pc:sldMkLst>
      </pc:sldChg>
      <pc:sldChg chg="add ord modAnim">
        <pc:chgData name="Thomas Nyman" userId="ac62be27-690b-42bb-ae39-d787d15a1823" providerId="ADAL" clId="{48C0E8DB-F1B9-4F27-B003-A93734DD60F4}" dt="2025-05-05T15:08:14.522" v="2556"/>
        <pc:sldMkLst>
          <pc:docMk/>
          <pc:sldMk cId="3096116539" sldId="693"/>
        </pc:sldMkLst>
      </pc:sldChg>
      <pc:sldChg chg="delSp modSp add mod">
        <pc:chgData name="Thomas Nyman" userId="ac62be27-690b-42bb-ae39-d787d15a1823" providerId="ADAL" clId="{48C0E8DB-F1B9-4F27-B003-A93734DD60F4}" dt="2025-05-05T15:12:41.286" v="2587" actId="1076"/>
        <pc:sldMkLst>
          <pc:docMk/>
          <pc:sldMk cId="3702663385" sldId="694"/>
        </pc:sldMkLst>
        <pc:spChg chg="mod">
          <ac:chgData name="Thomas Nyman" userId="ac62be27-690b-42bb-ae39-d787d15a1823" providerId="ADAL" clId="{48C0E8DB-F1B9-4F27-B003-A93734DD60F4}" dt="2025-05-05T15:12:34.472" v="2586" actId="1076"/>
          <ac:spMkLst>
            <pc:docMk/>
            <pc:sldMk cId="3702663385" sldId="694"/>
            <ac:spMk id="3" creationId="{A838B7FF-2E25-E5C8-4605-12B4797F4C46}"/>
          </ac:spMkLst>
        </pc:spChg>
        <pc:spChg chg="mod">
          <ac:chgData name="Thomas Nyman" userId="ac62be27-690b-42bb-ae39-d787d15a1823" providerId="ADAL" clId="{48C0E8DB-F1B9-4F27-B003-A93734DD60F4}" dt="2025-05-05T15:12:34.472" v="2586" actId="1076"/>
          <ac:spMkLst>
            <pc:docMk/>
            <pc:sldMk cId="3702663385" sldId="694"/>
            <ac:spMk id="5" creationId="{F3AF2932-1EFC-7801-4063-CD9B3D054109}"/>
          </ac:spMkLst>
        </pc:spChg>
        <pc:spChg chg="mod">
          <ac:chgData name="Thomas Nyman" userId="ac62be27-690b-42bb-ae39-d787d15a1823" providerId="ADAL" clId="{48C0E8DB-F1B9-4F27-B003-A93734DD60F4}" dt="2025-05-05T15:12:41.286" v="2587" actId="1076"/>
          <ac:spMkLst>
            <pc:docMk/>
            <pc:sldMk cId="3702663385" sldId="694"/>
            <ac:spMk id="9" creationId="{E9985FA6-9F56-0FA8-BD45-CD154E0B31D8}"/>
          </ac:spMkLst>
        </pc:spChg>
        <pc:spChg chg="del mod">
          <ac:chgData name="Thomas Nyman" userId="ac62be27-690b-42bb-ae39-d787d15a1823" providerId="ADAL" clId="{48C0E8DB-F1B9-4F27-B003-A93734DD60F4}" dt="2025-05-05T15:12:28.156" v="2585" actId="478"/>
          <ac:spMkLst>
            <pc:docMk/>
            <pc:sldMk cId="3702663385" sldId="694"/>
            <ac:spMk id="11" creationId="{AF716F64-7716-F776-A698-2D697A78CBEC}"/>
          </ac:spMkLst>
        </pc:spChg>
        <pc:picChg chg="mod">
          <ac:chgData name="Thomas Nyman" userId="ac62be27-690b-42bb-ae39-d787d15a1823" providerId="ADAL" clId="{48C0E8DB-F1B9-4F27-B003-A93734DD60F4}" dt="2025-05-05T15:12:34.472" v="2586" actId="1076"/>
          <ac:picMkLst>
            <pc:docMk/>
            <pc:sldMk cId="3702663385" sldId="694"/>
            <ac:picMk id="4" creationId="{C524658A-6B0F-FB5F-2EBF-7DCCD0A7271D}"/>
          </ac:picMkLst>
        </pc:picChg>
        <pc:picChg chg="del">
          <ac:chgData name="Thomas Nyman" userId="ac62be27-690b-42bb-ae39-d787d15a1823" providerId="ADAL" clId="{48C0E8DB-F1B9-4F27-B003-A93734DD60F4}" dt="2025-05-05T15:12:24.664" v="2583" actId="478"/>
          <ac:picMkLst>
            <pc:docMk/>
            <pc:sldMk cId="3702663385" sldId="694"/>
            <ac:picMk id="6" creationId="{DDB9E4E0-DF2E-2363-BAF7-C6F89CFA49BE}"/>
          </ac:picMkLst>
        </pc:picChg>
      </pc:sldChg>
      <pc:sldMasterChg chg="modSldLayout">
        <pc:chgData name="Thomas Nyman" userId="ac62be27-690b-42bb-ae39-d787d15a1823" providerId="ADAL" clId="{48C0E8DB-F1B9-4F27-B003-A93734DD60F4}" dt="2025-05-09T19:16:01.781" v="2834" actId="20577"/>
        <pc:sldMasterMkLst>
          <pc:docMk/>
          <pc:sldMasterMk cId="2523064765" sldId="2147483660"/>
        </pc:sldMasterMkLst>
        <pc:sldLayoutChg chg="modSp mod">
          <pc:chgData name="Thomas Nyman" userId="ac62be27-690b-42bb-ae39-d787d15a1823" providerId="ADAL" clId="{48C0E8DB-F1B9-4F27-B003-A93734DD60F4}" dt="2025-05-09T19:16:01.633" v="2758" actId="20577"/>
          <pc:sldLayoutMkLst>
            <pc:docMk/>
            <pc:sldMasterMk cId="2523064765" sldId="2147483660"/>
            <pc:sldLayoutMk cId="1374575616" sldId="2147483661"/>
          </pc:sldLayoutMkLst>
          <pc:spChg chg="mod">
            <ac:chgData name="Thomas Nyman" userId="ac62be27-690b-42bb-ae39-d787d15a1823" providerId="ADAL" clId="{48C0E8DB-F1B9-4F27-B003-A93734DD60F4}" dt="2025-05-09T19:16:01.633" v="2758" actId="20577"/>
            <ac:spMkLst>
              <pc:docMk/>
              <pc:sldMasterMk cId="2523064765" sldId="2147483660"/>
              <pc:sldLayoutMk cId="1374575616" sldId="2147483661"/>
              <ac:spMk id="9" creationId="{72C1EE1F-EF94-4EBA-A010-8BC3D2F38C39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680" v="2774" actId="20577"/>
          <pc:sldLayoutMkLst>
            <pc:docMk/>
            <pc:sldMasterMk cId="2523064765" sldId="2147483660"/>
            <pc:sldLayoutMk cId="3415456144" sldId="2147483673"/>
          </pc:sldLayoutMkLst>
          <pc:spChg chg="mod">
            <ac:chgData name="Thomas Nyman" userId="ac62be27-690b-42bb-ae39-d787d15a1823" providerId="ADAL" clId="{48C0E8DB-F1B9-4F27-B003-A93734DD60F4}" dt="2025-05-09T19:16:01.680" v="2774" actId="20577"/>
            <ac:spMkLst>
              <pc:docMk/>
              <pc:sldMasterMk cId="2523064765" sldId="2147483660"/>
              <pc:sldLayoutMk cId="3415456144" sldId="2147483673"/>
              <ac:spMk id="3" creationId="{C44ECCE6-4D94-443E-8C20-CA233A5C0572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27" v="2798" actId="20577"/>
          <pc:sldLayoutMkLst>
            <pc:docMk/>
            <pc:sldMasterMk cId="2523064765" sldId="2147483660"/>
            <pc:sldLayoutMk cId="675883818" sldId="2147483675"/>
          </pc:sldLayoutMkLst>
          <pc:spChg chg="mod">
            <ac:chgData name="Thomas Nyman" userId="ac62be27-690b-42bb-ae39-d787d15a1823" providerId="ADAL" clId="{48C0E8DB-F1B9-4F27-B003-A93734DD60F4}" dt="2025-05-09T19:16:01.727" v="2798" actId="20577"/>
            <ac:spMkLst>
              <pc:docMk/>
              <pc:sldMasterMk cId="2523064765" sldId="2147483660"/>
              <pc:sldLayoutMk cId="675883818" sldId="2147483675"/>
              <ac:spMk id="8" creationId="{53797230-5A6C-4718-8C90-CB9F2709B382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52" v="2814" actId="20577"/>
          <pc:sldLayoutMkLst>
            <pc:docMk/>
            <pc:sldMasterMk cId="2523064765" sldId="2147483660"/>
            <pc:sldLayoutMk cId="2275899235" sldId="2147483678"/>
          </pc:sldLayoutMkLst>
          <pc:spChg chg="mod">
            <ac:chgData name="Thomas Nyman" userId="ac62be27-690b-42bb-ae39-d787d15a1823" providerId="ADAL" clId="{48C0E8DB-F1B9-4F27-B003-A93734DD60F4}" dt="2025-05-09T19:16:01.752" v="2814" actId="20577"/>
            <ac:spMkLst>
              <pc:docMk/>
              <pc:sldMasterMk cId="2523064765" sldId="2147483660"/>
              <pc:sldLayoutMk cId="2275899235" sldId="2147483678"/>
              <ac:spMk id="11" creationId="{A55C34B4-681E-4FDA-A9BB-6BC31D94C8D6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66" v="2830" actId="20577"/>
          <pc:sldLayoutMkLst>
            <pc:docMk/>
            <pc:sldMasterMk cId="2523064765" sldId="2147483660"/>
            <pc:sldLayoutMk cId="1436988196" sldId="2147483681"/>
          </pc:sldLayoutMkLst>
          <pc:spChg chg="mod">
            <ac:chgData name="Thomas Nyman" userId="ac62be27-690b-42bb-ae39-d787d15a1823" providerId="ADAL" clId="{48C0E8DB-F1B9-4F27-B003-A93734DD60F4}" dt="2025-05-09T19:16:01.766" v="2830" actId="20577"/>
            <ac:spMkLst>
              <pc:docMk/>
              <pc:sldMasterMk cId="2523064765" sldId="2147483660"/>
              <pc:sldLayoutMk cId="1436988196" sldId="2147483681"/>
              <ac:spMk id="14" creationId="{089CBEB5-348B-49F3-8F8B-FDEE08950E37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64" v="2822" actId="20577"/>
          <pc:sldLayoutMkLst>
            <pc:docMk/>
            <pc:sldMasterMk cId="2523064765" sldId="2147483660"/>
            <pc:sldLayoutMk cId="2548612008" sldId="2147483690"/>
          </pc:sldLayoutMkLst>
          <pc:spChg chg="mod">
            <ac:chgData name="Thomas Nyman" userId="ac62be27-690b-42bb-ae39-d787d15a1823" providerId="ADAL" clId="{48C0E8DB-F1B9-4F27-B003-A93734DD60F4}" dt="2025-05-09T19:16:01.764" v="2822" actId="20577"/>
            <ac:spMkLst>
              <pc:docMk/>
              <pc:sldMasterMk cId="2523064765" sldId="2147483660"/>
              <pc:sldLayoutMk cId="2548612008" sldId="2147483690"/>
              <ac:spMk id="10" creationId="{549048C1-340D-44C4-857B-1B201EC9A7E7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15" v="2790" actId="20577"/>
          <pc:sldLayoutMkLst>
            <pc:docMk/>
            <pc:sldMasterMk cId="2523064765" sldId="2147483660"/>
            <pc:sldLayoutMk cId="3607999529" sldId="2147483694"/>
          </pc:sldLayoutMkLst>
          <pc:spChg chg="mod">
            <ac:chgData name="Thomas Nyman" userId="ac62be27-690b-42bb-ae39-d787d15a1823" providerId="ADAL" clId="{48C0E8DB-F1B9-4F27-B003-A93734DD60F4}" dt="2025-05-09T19:16:01.715" v="2790" actId="20577"/>
            <ac:spMkLst>
              <pc:docMk/>
              <pc:sldMasterMk cId="2523064765" sldId="2147483660"/>
              <pc:sldLayoutMk cId="3607999529" sldId="2147483694"/>
              <ac:spMk id="7" creationId="{DB8BC610-C1B0-4C6A-B5C2-80DA487CE5DE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41" v="2806" actId="20577"/>
          <pc:sldLayoutMkLst>
            <pc:docMk/>
            <pc:sldMasterMk cId="2523064765" sldId="2147483660"/>
            <pc:sldLayoutMk cId="3545725332" sldId="2147483696"/>
          </pc:sldLayoutMkLst>
          <pc:spChg chg="mod">
            <ac:chgData name="Thomas Nyman" userId="ac62be27-690b-42bb-ae39-d787d15a1823" providerId="ADAL" clId="{48C0E8DB-F1B9-4F27-B003-A93734DD60F4}" dt="2025-05-09T19:16:01.741" v="2806" actId="20577"/>
            <ac:spMkLst>
              <pc:docMk/>
              <pc:sldMasterMk cId="2523064765" sldId="2147483660"/>
              <pc:sldLayoutMk cId="3545725332" sldId="2147483696"/>
              <ac:spMk id="9" creationId="{2C8570FA-FAA3-4EFA-A4F1-01C285AE39DE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695" v="2782" actId="20577"/>
          <pc:sldLayoutMkLst>
            <pc:docMk/>
            <pc:sldMasterMk cId="2523064765" sldId="2147483660"/>
            <pc:sldLayoutMk cId="3443338964" sldId="2147483706"/>
          </pc:sldLayoutMkLst>
          <pc:spChg chg="mod">
            <ac:chgData name="Thomas Nyman" userId="ac62be27-690b-42bb-ae39-d787d15a1823" providerId="ADAL" clId="{48C0E8DB-F1B9-4F27-B003-A93734DD60F4}" dt="2025-05-09T19:16:01.695" v="2782" actId="20577"/>
            <ac:spMkLst>
              <pc:docMk/>
              <pc:sldMasterMk cId="2523064765" sldId="2147483660"/>
              <pc:sldLayoutMk cId="3443338964" sldId="2147483706"/>
              <ac:spMk id="8" creationId="{C2AD0284-E6BA-49D8-AB3F-D94DBB1D54F0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664" v="2766" actId="20577"/>
          <pc:sldLayoutMkLst>
            <pc:docMk/>
            <pc:sldMasterMk cId="2523064765" sldId="2147483660"/>
            <pc:sldLayoutMk cId="395415313" sldId="2147483707"/>
          </pc:sldLayoutMkLst>
          <pc:spChg chg="mod">
            <ac:chgData name="Thomas Nyman" userId="ac62be27-690b-42bb-ae39-d787d15a1823" providerId="ADAL" clId="{48C0E8DB-F1B9-4F27-B003-A93734DD60F4}" dt="2025-05-09T19:16:01.664" v="2766" actId="20577"/>
            <ac:spMkLst>
              <pc:docMk/>
              <pc:sldMasterMk cId="2523064765" sldId="2147483660"/>
              <pc:sldLayoutMk cId="395415313" sldId="2147483707"/>
              <ac:spMk id="2" creationId="{69F42FFA-3DFB-4DB2-A942-F02200203C82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664" v="2770" actId="20577"/>
          <pc:sldLayoutMkLst>
            <pc:docMk/>
            <pc:sldMasterMk cId="2523064765" sldId="2147483660"/>
            <pc:sldLayoutMk cId="3084474769" sldId="2147483709"/>
          </pc:sldLayoutMkLst>
          <pc:spChg chg="mod">
            <ac:chgData name="Thomas Nyman" userId="ac62be27-690b-42bb-ae39-d787d15a1823" providerId="ADAL" clId="{48C0E8DB-F1B9-4F27-B003-A93734DD60F4}" dt="2025-05-09T19:16:01.664" v="2770" actId="20577"/>
            <ac:spMkLst>
              <pc:docMk/>
              <pc:sldMasterMk cId="2523064765" sldId="2147483660"/>
              <pc:sldLayoutMk cId="3084474769" sldId="2147483709"/>
              <ac:spMk id="5" creationId="{203FD5EF-20DB-46AB-B412-DF9112353719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648" v="2762" actId="20577"/>
          <pc:sldLayoutMkLst>
            <pc:docMk/>
            <pc:sldMasterMk cId="2523064765" sldId="2147483660"/>
            <pc:sldLayoutMk cId="1482301504" sldId="2147483710"/>
          </pc:sldLayoutMkLst>
          <pc:spChg chg="mod">
            <ac:chgData name="Thomas Nyman" userId="ac62be27-690b-42bb-ae39-d787d15a1823" providerId="ADAL" clId="{48C0E8DB-F1B9-4F27-B003-A93734DD60F4}" dt="2025-05-09T19:16:01.648" v="2762" actId="20577"/>
            <ac:spMkLst>
              <pc:docMk/>
              <pc:sldMasterMk cId="2523064765" sldId="2147483660"/>
              <pc:sldLayoutMk cId="1482301504" sldId="2147483710"/>
              <ac:spMk id="9" creationId="{72C1EE1F-EF94-4EBA-A010-8BC3D2F38C39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680" v="2778" actId="20577"/>
          <pc:sldLayoutMkLst>
            <pc:docMk/>
            <pc:sldMasterMk cId="2523064765" sldId="2147483660"/>
            <pc:sldLayoutMk cId="1686204470" sldId="2147483712"/>
          </pc:sldLayoutMkLst>
          <pc:spChg chg="mod">
            <ac:chgData name="Thomas Nyman" userId="ac62be27-690b-42bb-ae39-d787d15a1823" providerId="ADAL" clId="{48C0E8DB-F1B9-4F27-B003-A93734DD60F4}" dt="2025-05-09T19:16:01.680" v="2778" actId="20577"/>
            <ac:spMkLst>
              <pc:docMk/>
              <pc:sldMasterMk cId="2523064765" sldId="2147483660"/>
              <pc:sldLayoutMk cId="1686204470" sldId="2147483712"/>
              <ac:spMk id="3" creationId="{C44ECCE6-4D94-443E-8C20-CA233A5C0572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695" v="2786" actId="20577"/>
          <pc:sldLayoutMkLst>
            <pc:docMk/>
            <pc:sldMasterMk cId="2523064765" sldId="2147483660"/>
            <pc:sldLayoutMk cId="2362386503" sldId="2147483713"/>
          </pc:sldLayoutMkLst>
          <pc:spChg chg="mod">
            <ac:chgData name="Thomas Nyman" userId="ac62be27-690b-42bb-ae39-d787d15a1823" providerId="ADAL" clId="{48C0E8DB-F1B9-4F27-B003-A93734DD60F4}" dt="2025-05-09T19:16:01.695" v="2786" actId="20577"/>
            <ac:spMkLst>
              <pc:docMk/>
              <pc:sldMasterMk cId="2523064765" sldId="2147483660"/>
              <pc:sldLayoutMk cId="2362386503" sldId="2147483713"/>
              <ac:spMk id="8" creationId="{C2AD0284-E6BA-49D8-AB3F-D94DBB1D54F0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15" v="2794" actId="20577"/>
          <pc:sldLayoutMkLst>
            <pc:docMk/>
            <pc:sldMasterMk cId="2523064765" sldId="2147483660"/>
            <pc:sldLayoutMk cId="1662761648" sldId="2147483714"/>
          </pc:sldLayoutMkLst>
          <pc:spChg chg="mod">
            <ac:chgData name="Thomas Nyman" userId="ac62be27-690b-42bb-ae39-d787d15a1823" providerId="ADAL" clId="{48C0E8DB-F1B9-4F27-B003-A93734DD60F4}" dt="2025-05-09T19:16:01.715" v="2794" actId="20577"/>
            <ac:spMkLst>
              <pc:docMk/>
              <pc:sldMasterMk cId="2523064765" sldId="2147483660"/>
              <pc:sldLayoutMk cId="1662761648" sldId="2147483714"/>
              <ac:spMk id="7" creationId="{DB8BC610-C1B0-4C6A-B5C2-80DA487CE5DE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47" v="2810" actId="20577"/>
          <pc:sldLayoutMkLst>
            <pc:docMk/>
            <pc:sldMasterMk cId="2523064765" sldId="2147483660"/>
            <pc:sldLayoutMk cId="3539499238" sldId="2147483715"/>
          </pc:sldLayoutMkLst>
          <pc:spChg chg="mod">
            <ac:chgData name="Thomas Nyman" userId="ac62be27-690b-42bb-ae39-d787d15a1823" providerId="ADAL" clId="{48C0E8DB-F1B9-4F27-B003-A93734DD60F4}" dt="2025-05-09T19:16:01.747" v="2810" actId="20577"/>
            <ac:spMkLst>
              <pc:docMk/>
              <pc:sldMasterMk cId="2523064765" sldId="2147483660"/>
              <pc:sldLayoutMk cId="3539499238" sldId="2147483715"/>
              <ac:spMk id="9" creationId="{2C8570FA-FAA3-4EFA-A4F1-01C285AE39DE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34" v="2802" actId="20577"/>
          <pc:sldLayoutMkLst>
            <pc:docMk/>
            <pc:sldMasterMk cId="2523064765" sldId="2147483660"/>
            <pc:sldLayoutMk cId="488662847" sldId="2147483716"/>
          </pc:sldLayoutMkLst>
          <pc:spChg chg="mod">
            <ac:chgData name="Thomas Nyman" userId="ac62be27-690b-42bb-ae39-d787d15a1823" providerId="ADAL" clId="{48C0E8DB-F1B9-4F27-B003-A93734DD60F4}" dt="2025-05-09T19:16:01.734" v="2802" actId="20577"/>
            <ac:spMkLst>
              <pc:docMk/>
              <pc:sldMasterMk cId="2523064765" sldId="2147483660"/>
              <pc:sldLayoutMk cId="488662847" sldId="2147483716"/>
              <ac:spMk id="8" creationId="{53797230-5A6C-4718-8C90-CB9F2709B382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58" v="2818" actId="20577"/>
          <pc:sldLayoutMkLst>
            <pc:docMk/>
            <pc:sldMasterMk cId="2523064765" sldId="2147483660"/>
            <pc:sldLayoutMk cId="3044934467" sldId="2147483717"/>
          </pc:sldLayoutMkLst>
          <pc:spChg chg="mod">
            <ac:chgData name="Thomas Nyman" userId="ac62be27-690b-42bb-ae39-d787d15a1823" providerId="ADAL" clId="{48C0E8DB-F1B9-4F27-B003-A93734DD60F4}" dt="2025-05-09T19:16:01.758" v="2818" actId="20577"/>
            <ac:spMkLst>
              <pc:docMk/>
              <pc:sldMasterMk cId="2523064765" sldId="2147483660"/>
              <pc:sldLayoutMk cId="3044934467" sldId="2147483717"/>
              <ac:spMk id="11" creationId="{A55C34B4-681E-4FDA-A9BB-6BC31D94C8D6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66" v="2826" actId="20577"/>
          <pc:sldLayoutMkLst>
            <pc:docMk/>
            <pc:sldMasterMk cId="2523064765" sldId="2147483660"/>
            <pc:sldLayoutMk cId="3574322202" sldId="2147483718"/>
          </pc:sldLayoutMkLst>
          <pc:spChg chg="mod">
            <ac:chgData name="Thomas Nyman" userId="ac62be27-690b-42bb-ae39-d787d15a1823" providerId="ADAL" clId="{48C0E8DB-F1B9-4F27-B003-A93734DD60F4}" dt="2025-05-09T19:16:01.766" v="2826" actId="20577"/>
            <ac:spMkLst>
              <pc:docMk/>
              <pc:sldMasterMk cId="2523064765" sldId="2147483660"/>
              <pc:sldLayoutMk cId="3574322202" sldId="2147483718"/>
              <ac:spMk id="10" creationId="{549048C1-340D-44C4-857B-1B201EC9A7E7}"/>
            </ac:spMkLst>
          </pc:spChg>
        </pc:sldLayoutChg>
        <pc:sldLayoutChg chg="modSp mod">
          <pc:chgData name="Thomas Nyman" userId="ac62be27-690b-42bb-ae39-d787d15a1823" providerId="ADAL" clId="{48C0E8DB-F1B9-4F27-B003-A93734DD60F4}" dt="2025-05-09T19:16:01.781" v="2834" actId="20577"/>
          <pc:sldLayoutMkLst>
            <pc:docMk/>
            <pc:sldMasterMk cId="2523064765" sldId="2147483660"/>
            <pc:sldLayoutMk cId="3422095206" sldId="2147483719"/>
          </pc:sldLayoutMkLst>
          <pc:spChg chg="mod">
            <ac:chgData name="Thomas Nyman" userId="ac62be27-690b-42bb-ae39-d787d15a1823" providerId="ADAL" clId="{48C0E8DB-F1B9-4F27-B003-A93734DD60F4}" dt="2025-05-09T19:16:01.781" v="2834" actId="20577"/>
            <ac:spMkLst>
              <pc:docMk/>
              <pc:sldMasterMk cId="2523064765" sldId="2147483660"/>
              <pc:sldLayoutMk cId="3422095206" sldId="2147483719"/>
              <ac:spMk id="14" creationId="{089CBEB5-348B-49F3-8F8B-FDEE08950E37}"/>
            </ac:spMkLst>
          </pc:spChg>
        </pc:sldLayoutChg>
      </pc:sldMasterChg>
    </pc:docChg>
  </pc:docChgLst>
  <pc:docChgLst>
    <pc:chgData name="Merve Gülmez" userId="3594cd17-5953-4511-8d53-8cfc799250e7" providerId="ADAL" clId="{9ED08E27-6F23-416A-B806-4295A8429A7B}"/>
    <pc:docChg chg="undo custSel addSld delSld modSld sldOrd">
      <pc:chgData name="Merve Gülmez" userId="3594cd17-5953-4511-8d53-8cfc799250e7" providerId="ADAL" clId="{9ED08E27-6F23-416A-B806-4295A8429A7B}" dt="2025-05-04T19:34:48.556" v="731" actId="729"/>
      <pc:docMkLst>
        <pc:docMk/>
      </pc:docMkLst>
      <pc:sldChg chg="del">
        <pc:chgData name="Merve Gülmez" userId="3594cd17-5953-4511-8d53-8cfc799250e7" providerId="ADAL" clId="{9ED08E27-6F23-416A-B806-4295A8429A7B}" dt="2025-05-04T11:12:16.199" v="62" actId="47"/>
        <pc:sldMkLst>
          <pc:docMk/>
          <pc:sldMk cId="3709959988" sldId="270"/>
        </pc:sldMkLst>
      </pc:sldChg>
      <pc:sldChg chg="modSp mod">
        <pc:chgData name="Merve Gülmez" userId="3594cd17-5953-4511-8d53-8cfc799250e7" providerId="ADAL" clId="{9ED08E27-6F23-416A-B806-4295A8429A7B}" dt="2025-05-04T19:09:55.517" v="135" actId="20577"/>
        <pc:sldMkLst>
          <pc:docMk/>
          <pc:sldMk cId="2230748882" sldId="271"/>
        </pc:sldMkLst>
        <pc:spChg chg="mod">
          <ac:chgData name="Merve Gülmez" userId="3594cd17-5953-4511-8d53-8cfc799250e7" providerId="ADAL" clId="{9ED08E27-6F23-416A-B806-4295A8429A7B}" dt="2025-05-04T17:48:59.326" v="128" actId="20577"/>
          <ac:spMkLst>
            <pc:docMk/>
            <pc:sldMk cId="2230748882" sldId="271"/>
            <ac:spMk id="3" creationId="{17D5CE7D-CCF0-44B0-843A-8D46859C44EE}"/>
          </ac:spMkLst>
        </pc:spChg>
        <pc:spChg chg="mod">
          <ac:chgData name="Merve Gülmez" userId="3594cd17-5953-4511-8d53-8cfc799250e7" providerId="ADAL" clId="{9ED08E27-6F23-416A-B806-4295A8429A7B}" dt="2025-05-04T19:09:55.517" v="135" actId="20577"/>
          <ac:spMkLst>
            <pc:docMk/>
            <pc:sldMk cId="2230748882" sldId="271"/>
            <ac:spMk id="4" creationId="{6A927E07-3624-45B8-934B-C229726CA813}"/>
          </ac:spMkLst>
        </pc:spChg>
        <pc:spChg chg="mod">
          <ac:chgData name="Merve Gülmez" userId="3594cd17-5953-4511-8d53-8cfc799250e7" providerId="ADAL" clId="{9ED08E27-6F23-416A-B806-4295A8429A7B}" dt="2025-05-04T10:52:26.203" v="28" actId="20577"/>
          <ac:spMkLst>
            <pc:docMk/>
            <pc:sldMk cId="2230748882" sldId="271"/>
            <ac:spMk id="5" creationId="{0D8DE8B4-7BAB-4C18-A0E5-01D3A11D374F}"/>
          </ac:spMkLst>
        </pc:spChg>
        <pc:spChg chg="mod">
          <ac:chgData name="Merve Gülmez" userId="3594cd17-5953-4511-8d53-8cfc799250e7" providerId="ADAL" clId="{9ED08E27-6F23-416A-B806-4295A8429A7B}" dt="2025-05-04T10:52:29.833" v="36" actId="20577"/>
          <ac:spMkLst>
            <pc:docMk/>
            <pc:sldMk cId="2230748882" sldId="271"/>
            <ac:spMk id="6" creationId="{327EB691-17C6-4220-AA5E-2F3518AF8CC2}"/>
          </ac:spMkLst>
        </pc:spChg>
        <pc:spChg chg="mod">
          <ac:chgData name="Merve Gülmez" userId="3594cd17-5953-4511-8d53-8cfc799250e7" providerId="ADAL" clId="{9ED08E27-6F23-416A-B806-4295A8429A7B}" dt="2025-05-04T10:52:36.922" v="46" actId="20577"/>
          <ac:spMkLst>
            <pc:docMk/>
            <pc:sldMk cId="2230748882" sldId="271"/>
            <ac:spMk id="7" creationId="{0BF70DC3-66C9-451C-917E-BA44956D1DBD}"/>
          </ac:spMkLst>
        </pc:spChg>
      </pc:sldChg>
      <pc:sldChg chg="del">
        <pc:chgData name="Merve Gülmez" userId="3594cd17-5953-4511-8d53-8cfc799250e7" providerId="ADAL" clId="{9ED08E27-6F23-416A-B806-4295A8429A7B}" dt="2025-05-04T11:12:17.126" v="63" actId="47"/>
        <pc:sldMkLst>
          <pc:docMk/>
          <pc:sldMk cId="2604203220" sldId="272"/>
        </pc:sldMkLst>
      </pc:sldChg>
      <pc:sldChg chg="add del mod modShow">
        <pc:chgData name="Merve Gülmez" userId="3594cd17-5953-4511-8d53-8cfc799250e7" providerId="ADAL" clId="{9ED08E27-6F23-416A-B806-4295A8429A7B}" dt="2025-05-04T18:10:05.469" v="131" actId="47"/>
        <pc:sldMkLst>
          <pc:docMk/>
          <pc:sldMk cId="1459029452" sldId="624"/>
        </pc:sldMkLst>
      </pc:sldChg>
      <pc:sldChg chg="add">
        <pc:chgData name="Merve Gülmez" userId="3594cd17-5953-4511-8d53-8cfc799250e7" providerId="ADAL" clId="{9ED08E27-6F23-416A-B806-4295A8429A7B}" dt="2025-05-04T10:56:28.378" v="57"/>
        <pc:sldMkLst>
          <pc:docMk/>
          <pc:sldMk cId="501534412" sldId="628"/>
        </pc:sldMkLst>
      </pc:sldChg>
      <pc:sldChg chg="modSp add mod">
        <pc:chgData name="Merve Gülmez" userId="3594cd17-5953-4511-8d53-8cfc799250e7" providerId="ADAL" clId="{9ED08E27-6F23-416A-B806-4295A8429A7B}" dt="2025-05-04T19:31:49.792" v="408" actId="5793"/>
        <pc:sldMkLst>
          <pc:docMk/>
          <pc:sldMk cId="3351817516" sldId="634"/>
        </pc:sldMkLst>
        <pc:spChg chg="mod">
          <ac:chgData name="Merve Gülmez" userId="3594cd17-5953-4511-8d53-8cfc799250e7" providerId="ADAL" clId="{9ED08E27-6F23-416A-B806-4295A8429A7B}" dt="2025-05-04T19:31:49.792" v="408" actId="5793"/>
          <ac:spMkLst>
            <pc:docMk/>
            <pc:sldMk cId="3351817516" sldId="634"/>
            <ac:spMk id="3" creationId="{ECB922AC-EC49-4BAB-880A-2BDBE3F18C84}"/>
          </ac:spMkLst>
        </pc:spChg>
      </pc:sldChg>
      <pc:sldChg chg="modSp add mod ord">
        <pc:chgData name="Merve Gülmez" userId="3594cd17-5953-4511-8d53-8cfc799250e7" providerId="ADAL" clId="{9ED08E27-6F23-416A-B806-4295A8429A7B}" dt="2025-05-04T19:28:11.635" v="404" actId="20577"/>
        <pc:sldMkLst>
          <pc:docMk/>
          <pc:sldMk cId="79519090" sldId="639"/>
        </pc:sldMkLst>
        <pc:spChg chg="mod">
          <ac:chgData name="Merve Gülmez" userId="3594cd17-5953-4511-8d53-8cfc799250e7" providerId="ADAL" clId="{9ED08E27-6F23-416A-B806-4295A8429A7B}" dt="2025-05-04T19:28:11.635" v="404" actId="20577"/>
          <ac:spMkLst>
            <pc:docMk/>
            <pc:sldMk cId="79519090" sldId="639"/>
            <ac:spMk id="10" creationId="{D530E3B7-5A67-48F4-82BF-02882396232E}"/>
          </ac:spMkLst>
        </pc:spChg>
      </pc:sldChg>
      <pc:sldChg chg="modSp add mod">
        <pc:chgData name="Merve Gülmez" userId="3594cd17-5953-4511-8d53-8cfc799250e7" providerId="ADAL" clId="{9ED08E27-6F23-416A-B806-4295A8429A7B}" dt="2025-05-04T19:32:15.515" v="432" actId="20577"/>
        <pc:sldMkLst>
          <pc:docMk/>
          <pc:sldMk cId="2573947603" sldId="644"/>
        </pc:sldMkLst>
        <pc:spChg chg="mod">
          <ac:chgData name="Merve Gülmez" userId="3594cd17-5953-4511-8d53-8cfc799250e7" providerId="ADAL" clId="{9ED08E27-6F23-416A-B806-4295A8429A7B}" dt="2025-05-04T19:32:15.515" v="432" actId="20577"/>
          <ac:spMkLst>
            <pc:docMk/>
            <pc:sldMk cId="2573947603" sldId="644"/>
            <ac:spMk id="2" creationId="{3978A72A-2BA1-7506-943E-D4AD4FC6F73D}"/>
          </ac:spMkLst>
        </pc:spChg>
        <pc:spChg chg="mod">
          <ac:chgData name="Merve Gülmez" userId="3594cd17-5953-4511-8d53-8cfc799250e7" providerId="ADAL" clId="{9ED08E27-6F23-416A-B806-4295A8429A7B}" dt="2025-05-04T17:48:43.586" v="127" actId="207"/>
          <ac:spMkLst>
            <pc:docMk/>
            <pc:sldMk cId="2573947603" sldId="644"/>
            <ac:spMk id="3" creationId="{D6CD512F-7A12-A1A9-5492-DDD5DDFC6FF5}"/>
          </ac:spMkLst>
        </pc:spChg>
      </pc:sldChg>
      <pc:sldChg chg="addSp modSp add mod">
        <pc:chgData name="Merve Gülmez" userId="3594cd17-5953-4511-8d53-8cfc799250e7" providerId="ADAL" clId="{9ED08E27-6F23-416A-B806-4295A8429A7B}" dt="2025-05-04T19:14:46.285" v="269" actId="5793"/>
        <pc:sldMkLst>
          <pc:docMk/>
          <pc:sldMk cId="118702118" sldId="645"/>
        </pc:sldMkLst>
        <pc:spChg chg="mod">
          <ac:chgData name="Merve Gülmez" userId="3594cd17-5953-4511-8d53-8cfc799250e7" providerId="ADAL" clId="{9ED08E27-6F23-416A-B806-4295A8429A7B}" dt="2025-05-04T19:14:46.285" v="269" actId="5793"/>
          <ac:spMkLst>
            <pc:docMk/>
            <pc:sldMk cId="118702118" sldId="645"/>
            <ac:spMk id="3" creationId="{7307E4DD-F548-8C63-B6B3-C3C8BA0772A2}"/>
          </ac:spMkLst>
        </pc:spChg>
        <pc:picChg chg="add mod">
          <ac:chgData name="Merve Gülmez" userId="3594cd17-5953-4511-8d53-8cfc799250e7" providerId="ADAL" clId="{9ED08E27-6F23-416A-B806-4295A8429A7B}" dt="2025-05-04T17:38:25.010" v="94" actId="1076"/>
          <ac:picMkLst>
            <pc:docMk/>
            <pc:sldMk cId="118702118" sldId="645"/>
            <ac:picMk id="4" creationId="{3EB47A79-E62B-3985-802D-119933B22A47}"/>
          </ac:picMkLst>
        </pc:picChg>
      </pc:sldChg>
      <pc:sldChg chg="modSp add mod modShow">
        <pc:chgData name="Merve Gülmez" userId="3594cd17-5953-4511-8d53-8cfc799250e7" providerId="ADAL" clId="{9ED08E27-6F23-416A-B806-4295A8429A7B}" dt="2025-05-04T19:31:31.575" v="405" actId="729"/>
        <pc:sldMkLst>
          <pc:docMk/>
          <pc:sldMk cId="3616387346" sldId="648"/>
        </pc:sldMkLst>
        <pc:spChg chg="mod">
          <ac:chgData name="Merve Gülmez" userId="3594cd17-5953-4511-8d53-8cfc799250e7" providerId="ADAL" clId="{9ED08E27-6F23-416A-B806-4295A8429A7B}" dt="2025-05-04T19:13:55.646" v="267" actId="313"/>
          <ac:spMkLst>
            <pc:docMk/>
            <pc:sldMk cId="3616387346" sldId="648"/>
            <ac:spMk id="3" creationId="{EEBA012F-30C1-10E3-038F-63A1D956C996}"/>
          </ac:spMkLst>
        </pc:spChg>
        <pc:grpChg chg="mod">
          <ac:chgData name="Merve Gülmez" userId="3594cd17-5953-4511-8d53-8cfc799250e7" providerId="ADAL" clId="{9ED08E27-6F23-416A-B806-4295A8429A7B}" dt="2025-05-04T19:14:05.871" v="268" actId="1076"/>
          <ac:grpSpMkLst>
            <pc:docMk/>
            <pc:sldMk cId="3616387346" sldId="648"/>
            <ac:grpSpMk id="4" creationId="{807B11AB-168C-F334-92E4-669781383E77}"/>
          </ac:grpSpMkLst>
        </pc:grpChg>
      </pc:sldChg>
      <pc:sldChg chg="modSp add mod modShow">
        <pc:chgData name="Merve Gülmez" userId="3594cd17-5953-4511-8d53-8cfc799250e7" providerId="ADAL" clId="{9ED08E27-6F23-416A-B806-4295A8429A7B}" dt="2025-05-04T19:34:48.556" v="731" actId="729"/>
        <pc:sldMkLst>
          <pc:docMk/>
          <pc:sldMk cId="2536854076" sldId="660"/>
        </pc:sldMkLst>
        <pc:spChg chg="mod">
          <ac:chgData name="Merve Gülmez" userId="3594cd17-5953-4511-8d53-8cfc799250e7" providerId="ADAL" clId="{9ED08E27-6F23-416A-B806-4295A8429A7B}" dt="2025-05-04T18:04:12.891" v="129" actId="207"/>
          <ac:spMkLst>
            <pc:docMk/>
            <pc:sldMk cId="2536854076" sldId="660"/>
            <ac:spMk id="3" creationId="{DBFC8AA7-90EE-4117-9988-9A95E002CC65}"/>
          </ac:spMkLst>
        </pc:spChg>
      </pc:sldChg>
      <pc:sldChg chg="add">
        <pc:chgData name="Merve Gülmez" userId="3594cd17-5953-4511-8d53-8cfc799250e7" providerId="ADAL" clId="{9ED08E27-6F23-416A-B806-4295A8429A7B}" dt="2025-05-04T10:56:28.378" v="57"/>
        <pc:sldMkLst>
          <pc:docMk/>
          <pc:sldMk cId="2234753253" sldId="666"/>
        </pc:sldMkLst>
      </pc:sldChg>
      <pc:sldChg chg="add del mod modShow">
        <pc:chgData name="Merve Gülmez" userId="3594cd17-5953-4511-8d53-8cfc799250e7" providerId="ADAL" clId="{9ED08E27-6F23-416A-B806-4295A8429A7B}" dt="2025-05-04T18:10:01.079" v="130" actId="47"/>
        <pc:sldMkLst>
          <pc:docMk/>
          <pc:sldMk cId="573739071" sldId="667"/>
        </pc:sldMkLst>
      </pc:sldChg>
      <pc:sldChg chg="add">
        <pc:chgData name="Merve Gülmez" userId="3594cd17-5953-4511-8d53-8cfc799250e7" providerId="ADAL" clId="{9ED08E27-6F23-416A-B806-4295A8429A7B}" dt="2025-05-04T10:56:28.378" v="57"/>
        <pc:sldMkLst>
          <pc:docMk/>
          <pc:sldMk cId="790210480" sldId="669"/>
        </pc:sldMkLst>
      </pc:sldChg>
      <pc:sldChg chg="add del ord">
        <pc:chgData name="Merve Gülmez" userId="3594cd17-5953-4511-8d53-8cfc799250e7" providerId="ADAL" clId="{9ED08E27-6F23-416A-B806-4295A8429A7B}" dt="2025-05-04T11:11:48.173" v="60" actId="2696"/>
        <pc:sldMkLst>
          <pc:docMk/>
          <pc:sldMk cId="1833177425" sldId="670"/>
        </pc:sldMkLst>
      </pc:sldChg>
      <pc:sldChg chg="add del">
        <pc:chgData name="Merve Gülmez" userId="3594cd17-5953-4511-8d53-8cfc799250e7" providerId="ADAL" clId="{9ED08E27-6F23-416A-B806-4295A8429A7B}" dt="2025-05-04T11:12:07.841" v="61" actId="2696"/>
        <pc:sldMkLst>
          <pc:docMk/>
          <pc:sldMk cId="4134940369" sldId="671"/>
        </pc:sldMkLst>
      </pc:sldChg>
      <pc:sldChg chg="addSp delSp modSp add mod">
        <pc:chgData name="Merve Gülmez" userId="3594cd17-5953-4511-8d53-8cfc799250e7" providerId="ADAL" clId="{9ED08E27-6F23-416A-B806-4295A8429A7B}" dt="2025-05-04T17:41:56.236" v="97" actId="1076"/>
        <pc:sldMkLst>
          <pc:docMk/>
          <pc:sldMk cId="3863049952" sldId="673"/>
        </pc:sldMkLst>
        <pc:picChg chg="add del mod">
          <ac:chgData name="Merve Gülmez" userId="3594cd17-5953-4511-8d53-8cfc799250e7" providerId="ADAL" clId="{9ED08E27-6F23-416A-B806-4295A8429A7B}" dt="2025-05-04T16:41:34.151" v="73" actId="21"/>
          <ac:picMkLst>
            <pc:docMk/>
            <pc:sldMk cId="3863049952" sldId="673"/>
            <ac:picMk id="3" creationId="{C524658A-6B0F-FB5F-2EBF-7DCCD0A7271D}"/>
          </ac:picMkLst>
        </pc:picChg>
        <pc:picChg chg="add mod">
          <ac:chgData name="Merve Gülmez" userId="3594cd17-5953-4511-8d53-8cfc799250e7" providerId="ADAL" clId="{9ED08E27-6F23-416A-B806-4295A8429A7B}" dt="2025-05-04T17:41:56.236" v="97" actId="1076"/>
          <ac:picMkLst>
            <pc:docMk/>
            <pc:sldMk cId="3863049952" sldId="673"/>
            <ac:picMk id="4" creationId="{C524658A-6B0F-FB5F-2EBF-7DCCD0A7271D}"/>
          </ac:picMkLst>
        </pc:picChg>
        <pc:picChg chg="del">
          <ac:chgData name="Merve Gülmez" userId="3594cd17-5953-4511-8d53-8cfc799250e7" providerId="ADAL" clId="{9ED08E27-6F23-416A-B806-4295A8429A7B}" dt="2025-05-04T16:40:19.140" v="64" actId="478"/>
          <ac:picMkLst>
            <pc:docMk/>
            <pc:sldMk cId="3863049952" sldId="673"/>
            <ac:picMk id="5" creationId="{8F64C49D-4D51-58AD-20E1-813DF0884D18}"/>
          </ac:picMkLst>
        </pc:picChg>
        <pc:picChg chg="add mod">
          <ac:chgData name="Merve Gülmez" userId="3594cd17-5953-4511-8d53-8cfc799250e7" providerId="ADAL" clId="{9ED08E27-6F23-416A-B806-4295A8429A7B}" dt="2025-05-04T16:43:38.145" v="87" actId="14100"/>
          <ac:picMkLst>
            <pc:docMk/>
            <pc:sldMk cId="3863049952" sldId="673"/>
            <ac:picMk id="6" creationId="{DDB9E4E0-DF2E-2363-BAF7-C6F89CFA49BE}"/>
          </ac:picMkLst>
        </pc:picChg>
        <pc:picChg chg="del">
          <ac:chgData name="Merve Gülmez" userId="3594cd17-5953-4511-8d53-8cfc799250e7" providerId="ADAL" clId="{9ED08E27-6F23-416A-B806-4295A8429A7B}" dt="2025-05-04T16:40:20.158" v="65" actId="478"/>
          <ac:picMkLst>
            <pc:docMk/>
            <pc:sldMk cId="3863049952" sldId="673"/>
            <ac:picMk id="7" creationId="{486EC3FA-2F28-9E25-3B2B-E65FAA3D6B30}"/>
          </ac:picMkLst>
        </pc:picChg>
      </pc:sldChg>
      <pc:sldChg chg="add">
        <pc:chgData name="Merve Gülmez" userId="3594cd17-5953-4511-8d53-8cfc799250e7" providerId="ADAL" clId="{9ED08E27-6F23-416A-B806-4295A8429A7B}" dt="2025-05-04T10:56:28.378" v="57"/>
        <pc:sldMkLst>
          <pc:docMk/>
          <pc:sldMk cId="915479561" sldId="678"/>
        </pc:sldMkLst>
      </pc:sldChg>
      <pc:sldChg chg="add">
        <pc:chgData name="Merve Gülmez" userId="3594cd17-5953-4511-8d53-8cfc799250e7" providerId="ADAL" clId="{9ED08E27-6F23-416A-B806-4295A8429A7B}" dt="2025-05-04T10:56:28.378" v="57"/>
        <pc:sldMkLst>
          <pc:docMk/>
          <pc:sldMk cId="2008125828" sldId="679"/>
        </pc:sldMkLst>
      </pc:sldChg>
      <pc:sldChg chg="add">
        <pc:chgData name="Merve Gülmez" userId="3594cd17-5953-4511-8d53-8cfc799250e7" providerId="ADAL" clId="{9ED08E27-6F23-416A-B806-4295A8429A7B}" dt="2025-05-04T10:56:28.378" v="57"/>
        <pc:sldMkLst>
          <pc:docMk/>
          <pc:sldMk cId="3204406223" sldId="681"/>
        </pc:sldMkLst>
      </pc:sldChg>
      <pc:sldChg chg="add mod modShow">
        <pc:chgData name="Merve Gülmez" userId="3594cd17-5953-4511-8d53-8cfc799250e7" providerId="ADAL" clId="{9ED08E27-6F23-416A-B806-4295A8429A7B}" dt="2025-05-04T19:31:34.414" v="406" actId="729"/>
        <pc:sldMkLst>
          <pc:docMk/>
          <pc:sldMk cId="617369384" sldId="684"/>
        </pc:sldMkLst>
      </pc:sldChg>
      <pc:sldChg chg="modSp new mod ord">
        <pc:chgData name="Merve Gülmez" userId="3594cd17-5953-4511-8d53-8cfc799250e7" providerId="ADAL" clId="{9ED08E27-6F23-416A-B806-4295A8429A7B}" dt="2025-05-04T19:23:12.272" v="365" actId="20577"/>
        <pc:sldMkLst>
          <pc:docMk/>
          <pc:sldMk cId="730212604" sldId="685"/>
        </pc:sldMkLst>
        <pc:spChg chg="mod">
          <ac:chgData name="Merve Gülmez" userId="3594cd17-5953-4511-8d53-8cfc799250e7" providerId="ADAL" clId="{9ED08E27-6F23-416A-B806-4295A8429A7B}" dt="2025-05-04T19:23:12.272" v="365" actId="20577"/>
          <ac:spMkLst>
            <pc:docMk/>
            <pc:sldMk cId="730212604" sldId="685"/>
            <ac:spMk id="2" creationId="{C9EF9D07-A526-F5DB-E255-FF0EA044C882}"/>
          </ac:spMkLst>
        </pc:spChg>
      </pc:sldChg>
      <pc:sldChg chg="new del">
        <pc:chgData name="Merve Gülmez" userId="3594cd17-5953-4511-8d53-8cfc799250e7" providerId="ADAL" clId="{9ED08E27-6F23-416A-B806-4295A8429A7B}" dt="2025-05-04T19:22:41.904" v="271" actId="47"/>
        <pc:sldMkLst>
          <pc:docMk/>
          <pc:sldMk cId="1546446358" sldId="685"/>
        </pc:sldMkLst>
      </pc:sldChg>
      <pc:sldChg chg="modSp new mod">
        <pc:chgData name="Merve Gülmez" userId="3594cd17-5953-4511-8d53-8cfc799250e7" providerId="ADAL" clId="{9ED08E27-6F23-416A-B806-4295A8429A7B}" dt="2025-05-04T19:34:22.773" v="730" actId="20577"/>
        <pc:sldMkLst>
          <pc:docMk/>
          <pc:sldMk cId="2265411207" sldId="686"/>
        </pc:sldMkLst>
        <pc:spChg chg="mod">
          <ac:chgData name="Merve Gülmez" userId="3594cd17-5953-4511-8d53-8cfc799250e7" providerId="ADAL" clId="{9ED08E27-6F23-416A-B806-4295A8429A7B}" dt="2025-05-04T19:32:27.975" v="445" actId="20577"/>
          <ac:spMkLst>
            <pc:docMk/>
            <pc:sldMk cId="2265411207" sldId="686"/>
            <ac:spMk id="2" creationId="{F15580FA-4D4B-D5AB-CBEC-9EBB4606EB37}"/>
          </ac:spMkLst>
        </pc:spChg>
        <pc:spChg chg="mod">
          <ac:chgData name="Merve Gülmez" userId="3594cd17-5953-4511-8d53-8cfc799250e7" providerId="ADAL" clId="{9ED08E27-6F23-416A-B806-4295A8429A7B}" dt="2025-05-04T19:34:22.773" v="730" actId="20577"/>
          <ac:spMkLst>
            <pc:docMk/>
            <pc:sldMk cId="2265411207" sldId="686"/>
            <ac:spMk id="3" creationId="{FA12C98E-1B49-AA06-6305-CCC8D3D55B39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EF6FD348-9C7F-4865-875C-863EC6E2CB8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3294207-A46E-4F9A-91C9-BB4398CEA98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105526-C577-427D-800D-7921EA16026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CA4CFA-39AC-4AB6-B521-EBDB0AF74A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7AEDCC-D3AE-4D3E-A1AA-6BA600F277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262122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fld id="{F949BC75-2359-4F98-918A-7033C92AD48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3333820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1108706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1317320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2018-02-21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pPr marL="0" marR="0" lvl="0" indent="0" algn="l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t>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949BC75-2359-4F98-918A-7033C92AD487}" type="slidenum">
              <a:rPr kumimoji="0" lang="en-US" sz="1200" b="0" i="0" u="none" strike="noStrike" kern="0" cap="none" spc="0" normalizeH="0" baseline="0" noProof="0">
                <a:ln>
                  <a:noFill/>
                </a:ln>
                <a:solidFill>
                  <a:sysClr val="windowText" lastClr="000000"/>
                </a:solidFill>
                <a:effectLst/>
                <a:uLnTx/>
                <a:uFillTx/>
                <a:latin typeface="Ericsson Hilda Light" panose="00000400000000000000" pitchFamily="2" charset="0"/>
              </a:rPr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0" cap="none" spc="0" normalizeH="0" baseline="0" noProof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Ericsson Hilda Light" panose="000004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47794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r>
              <a:rPr lang="en-GB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1A9966BF-A434-4BC2-9969-A0AE8B068B9B}" type="slidenum">
              <a:rPr lang="en-GB" smtClean="0"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98229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0B778EBA-1C0B-47D6-9E33-D71711E3A5DE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1374575616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smaller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C8FC9BDE-AACF-FAD9-0569-2308D75B1812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3989B81D-94DE-1159-ADB9-A5A03B074B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58025EB0-9BA0-4687-9367-6810ECA6FBD9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16627616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5D6CC488-21E1-4BFB-BD0D-4B5F9286D335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6758838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2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05FD79D-9BC3-0408-DF33-0CA55CC3DCD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D355044D-CD56-AB10-6CA0-CA0669B9060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504370AB-FA6D-45F8-AE96-62E6052B8CAE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4886628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E6C71B6E-16F0-4A04-B344-87090FF79312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35457253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Title and 3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09FDE7F6-BBC9-8CC3-CB40-B28724FF07B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D6BED84F-1648-A661-5267-B4AD41FD9C1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EB0ECD96-39FF-484B-AB5A-89AE4EBFA5D3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35394992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BCD946E2-679A-4D4D-A252-9AFDFCC33CAE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22758992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44FC84B-7E22-F949-A48C-665D3900E6C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E1FC2882-E07D-F2B8-C050-E922C4080D2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63B99FEC-176C-41A2-A25A-C9BD761D4A7F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304493446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47853D9D-ADA2-4315-A37B-84B52AB377ED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254861200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CFC6A99-DACF-36D5-6C3E-4DC5345A9049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7AA30C5B-96B9-3D1E-B8FE-49DE04E5387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1D1881AF-E2FE-49FD-9BC1-4BC157EA7677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357432220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44AE59B9-2AEB-4687-B56B-6FA466E81D2F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14369881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Pag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A103FF1A-D345-1C56-590F-D823A889B028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/>
              <a:t>Title/cover page,   Ericsson Hilda Light 80pt, max 3-lines</a:t>
            </a:r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Description/subtitle/speaker…</a:t>
            </a:r>
            <a:br>
              <a:rPr lang="en-US"/>
            </a:br>
            <a:r>
              <a:rPr lang="en-US"/>
              <a:t>Ericsson Hilda Black 20p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Speaker nam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Organization</a:t>
            </a:r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/>
              <a:t>YYYY-MM-DD</a:t>
            </a:r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1DAACEDE-1329-43D3-AF39-C1229604F668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0EAB151C-EA5D-17DC-B535-00FFB9FD819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23015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8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3573FEDA-98AE-F7E3-43DF-75A830443C4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AFF8CACC-7FD5-4CBA-651F-A83C83174BD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3"/>
            <a:endParaRPr lang="en-US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/>
              <a:t>For heading, use Ericsson Hilda in bold. For copy and bullets, use E.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0228D915-0FB1-4B69-9C0D-6576F1CFB46C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34220952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Use this space for relevant Ericsson URLs or hashtags</a:t>
            </a:r>
          </a:p>
        </p:txBody>
      </p:sp>
      <p:pic>
        <p:nvPicPr>
          <p:cNvPr id="2" name="image">
            <a:extLst>
              <a:ext uri="{FF2B5EF4-FFF2-40B4-BE49-F238E27FC236}">
                <a16:creationId xmlns:a16="http://schemas.microsoft.com/office/drawing/2014/main" id="{3DDE3DF2-4191-6EC8-7BFC-F1AAA9CFC1C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59975"/>
            <a:ext cx="2120176" cy="2121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16851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logo end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000C8FCC-57E5-3E43-E21A-B3EDA1DB3E60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6944A971-8DF1-600E-1D36-CB1EC2440F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60680"/>
            <a:ext cx="2119473" cy="2120400"/>
          </a:xfrm>
          <a:prstGeom prst="rect">
            <a:avLst/>
          </a:prstGeom>
        </p:spPr>
      </p:pic>
      <p:sp>
        <p:nvSpPr>
          <p:cNvPr id="2" name="SubTitle_TM">
            <a:extLst>
              <a:ext uri="{FF2B5EF4-FFF2-40B4-BE49-F238E27FC236}">
                <a16:creationId xmlns:a16="http://schemas.microsoft.com/office/drawing/2014/main" id="{FCF1ABC6-0A4C-6C18-E8A5-415153FD00B6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Use this space for relevant Ericsson URLs or hashtags</a:t>
            </a:r>
          </a:p>
        </p:txBody>
      </p:sp>
    </p:spTree>
    <p:extLst>
      <p:ext uri="{BB962C8B-B14F-4D97-AF65-F5344CB8AC3E}">
        <p14:creationId xmlns:p14="http://schemas.microsoft.com/office/powerpoint/2010/main" val="30271482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>
                <a:solidFill>
                  <a:schemeClr val="tx1"/>
                </a:solidFill>
                <a:latin typeface="+mn-lt"/>
              </a:rPr>
              <a:t>This Master Slide is to ensure that all our characters are embedded with the presentation. Should not be used in a presentation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(</a:t>
            </a:r>
            <a:r>
              <a:rPr lang="en-US" sz="1200" u="sng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xtraLight</a:t>
            </a:r>
            <a:r>
              <a:rPr lang="en-US" sz="1200" u="sng">
                <a:solidFill>
                  <a:schemeClr val="tx1"/>
                </a:solidFill>
                <a:latin typeface="Ericsson Hilda ExtraLight" panose="00000300000000000000" pitchFamily="2" charset="0"/>
              </a:rPr>
              <a:t>):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err="1">
                <a:solidFill>
                  <a:schemeClr val="tx1"/>
                </a:solidFill>
                <a:latin typeface="+mj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j-lt"/>
              </a:rPr>
              <a:t>(Light):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200" u="sng" err="1">
                <a:solidFill>
                  <a:schemeClr val="tx1"/>
                </a:solidFill>
                <a:latin typeface="+mn-lt"/>
              </a:rPr>
              <a:t>EricssonHilda</a:t>
            </a:r>
            <a:r>
              <a:rPr lang="en-US" sz="1200" u="sng">
                <a:solidFill>
                  <a:schemeClr val="tx1"/>
                </a:solidFill>
                <a:latin typeface="+mn-lt"/>
              </a:rPr>
              <a:t>(Regular):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j-lt"/>
              </a:rPr>
              <a:t>EricssonHildaLight+Bold</a:t>
            </a:r>
            <a:r>
              <a:rPr lang="en-US" sz="1200" b="1" u="sng">
                <a:solidFill>
                  <a:schemeClr val="tx1"/>
                </a:solidFill>
                <a:latin typeface="+mj-lt"/>
              </a:rPr>
              <a:t>(Medium):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1" kern="120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b="1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b="1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err="1">
                <a:solidFill>
                  <a:schemeClr val="tx1"/>
                </a:solidFill>
                <a:latin typeface="+mn-lt"/>
              </a:rPr>
              <a:t>EricssonHilda+Bold</a:t>
            </a:r>
            <a:r>
              <a:rPr lang="en-US" sz="1200" b="1" u="sng">
                <a:solidFill>
                  <a:schemeClr val="tx1"/>
                </a:solidFill>
                <a:latin typeface="+mn-lt"/>
              </a:rPr>
              <a:t>(Bold):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b="1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(</a:t>
            </a:r>
            <a:r>
              <a:rPr lang="en-US" sz="1200" b="0" u="sng" err="1">
                <a:solidFill>
                  <a:schemeClr val="tx1"/>
                </a:solidFill>
                <a:latin typeface="Ericsson Hilda ExtraBold" panose="00000900000000000000" pitchFamily="2" charset="0"/>
              </a:rPr>
              <a:t>ExtraBold</a:t>
            </a:r>
            <a:r>
              <a:rPr lang="en-US" sz="1200" b="0" u="sng">
                <a:solidFill>
                  <a:schemeClr val="tx1"/>
                </a:solidFill>
                <a:latin typeface="Ericsson Hilda ExtraBold" panose="00000900000000000000" pitchFamily="2" charset="0"/>
              </a:rPr>
              <a:t>):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!"#$%&amp;'()*+,./0123456789:;&lt;=&gt;?@ABCDEFGHIJKLMNOPQRSTUVWXYZ[\]^_`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0" kern="120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ﬁﬂΆΈΉΊΌΎΏΐΑΒΓΕΖΗΘΙΚΛΜΝΞΟΠΡΣΤΥΦΧΨΪΫΆΈΉΊΰ</a:t>
            </a:r>
            <a:r>
              <a:rPr lang="en-US" sz="1200" b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1047059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ck Title Only Layou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2" name="image">
            <a:extLst>
              <a:ext uri="{FF2B5EF4-FFF2-40B4-BE49-F238E27FC236}">
                <a16:creationId xmlns:a16="http://schemas.microsoft.com/office/drawing/2014/main" id="{B6B2D8BE-6BBE-A04E-F27B-59B22E8F02B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itle_SM">
            <a:extLst>
              <a:ext uri="{FF2B5EF4-FFF2-40B4-BE49-F238E27FC236}">
                <a16:creationId xmlns:a16="http://schemas.microsoft.com/office/drawing/2014/main" id="{61854116-BAC6-B8BA-F0D7-112BFEE305D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</p:spTree>
    <p:extLst>
      <p:ext uri="{BB962C8B-B14F-4D97-AF65-F5344CB8AC3E}">
        <p14:creationId xmlns:p14="http://schemas.microsoft.com/office/powerpoint/2010/main" val="18172763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69F42FFA-3DFB-4DB2-A942-F02200203C82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EFD1D2E4-C1C1-4021-8BAA-8A74B088FA0A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3954153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B2426C1B-78AB-463F-85D5-5C3598619F34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78DD11F5-924D-4907-D01E-DCB632C069B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44747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0A87C94B-C3A7-4512-A8C7-C08EA9BE2BB1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34154561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Onl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9A6888F-AC26-BA8F-0055-E808E294C9D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561136CD-F1DB-03FC-F814-EFB43977725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CE016735-46D4-40FC-A553-ADDBF1324120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16862044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08A37A97-3F19-41D5-A301-0B0373F90CA9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34433389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7697191-0A85-B8C8-9EEC-2BBBCA05BA94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74D3F1FB-D06C-DBD1-2450-16F10900A58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3026470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C3B5BD66-D8FD-444C-B2A3-E5D245441340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236238650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/>
              <a:t>For heading, use Ericsson Hilda in bold. For copy and bullets, use Ericsson Hilda.</a:t>
            </a:r>
          </a:p>
          <a:p>
            <a:pPr lvl="0"/>
            <a:r>
              <a:rPr lang="en-US"/>
              <a:t>First level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3023264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r>
              <a:rPr lang="en-US" sz="800" b="0" i="0" u="none">
                <a:solidFill>
                  <a:schemeClr val="tx1"/>
                </a:solidFill>
                <a:latin typeface="+mn-lt"/>
              </a:rPr>
              <a:t>  |  EMRTREU Merve Gülmez  |  2025-05-12  |  Open  |  Page </a:t>
            </a:r>
            <a:fld id="{B8BC8065-D849-421D-8889-2C3B276CF3B2}" type="slidenum">
              <a:rPr lang="en-US" sz="800" b="0" i="0" u="none" smtClean="0">
                <a:solidFill>
                  <a:schemeClr val="tx1"/>
                </a:solidFill>
                <a:latin typeface="+mn-lt"/>
              </a:rPr>
              <a:t>‹#›</a:t>
            </a:fld>
            <a:r>
              <a:rPr lang="en-US" sz="800" b="0" i="0" u="none">
                <a:solidFill>
                  <a:schemeClr val="tx1"/>
                </a:solidFill>
                <a:latin typeface="+mn-lt"/>
              </a:rPr>
              <a:t> of 14</a:t>
            </a:r>
          </a:p>
        </p:txBody>
      </p:sp>
    </p:spTree>
    <p:extLst>
      <p:ext uri="{BB962C8B-B14F-4D97-AF65-F5344CB8AC3E}">
        <p14:creationId xmlns:p14="http://schemas.microsoft.com/office/powerpoint/2010/main" val="36079995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/>
              <a:t>Slide title, Ericsson Hilda Light 40pt, Ericsson Black, max 2-lines</a:t>
            </a:r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6</a:t>
            </a:r>
          </a:p>
          <a:p>
            <a:pPr lvl="6"/>
            <a:r>
              <a:rPr lang="en-US"/>
              <a:t>7</a:t>
            </a:r>
          </a:p>
          <a:p>
            <a:pPr lvl="7"/>
            <a:r>
              <a:rPr lang="en-US"/>
              <a:t>8</a:t>
            </a:r>
          </a:p>
          <a:p>
            <a:pPr lvl="8"/>
            <a:r>
              <a:rPr lang="en-US"/>
              <a:t>9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ADDB58AC-4EFC-E7F9-0735-7729D36BFF82}"/>
              </a:ext>
            </a:extLst>
          </p:cNvPr>
          <p:cNvPicPr>
            <a:picLocks noChangeAspect="1"/>
          </p:cNvPicPr>
          <p:nvPr userDrawn="1"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30647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710" r:id="rId2"/>
    <p:sldLayoutId id="2147483707" r:id="rId3"/>
    <p:sldLayoutId id="2147483709" r:id="rId4"/>
    <p:sldLayoutId id="2147483673" r:id="rId5"/>
    <p:sldLayoutId id="2147483712" r:id="rId6"/>
    <p:sldLayoutId id="2147483706" r:id="rId7"/>
    <p:sldLayoutId id="2147483713" r:id="rId8"/>
    <p:sldLayoutId id="2147483694" r:id="rId9"/>
    <p:sldLayoutId id="2147483714" r:id="rId10"/>
    <p:sldLayoutId id="2147483675" r:id="rId11"/>
    <p:sldLayoutId id="2147483716" r:id="rId12"/>
    <p:sldLayoutId id="2147483696" r:id="rId13"/>
    <p:sldLayoutId id="2147483715" r:id="rId14"/>
    <p:sldLayoutId id="2147483678" r:id="rId15"/>
    <p:sldLayoutId id="2147483717" r:id="rId16"/>
    <p:sldLayoutId id="2147483690" r:id="rId17"/>
    <p:sldLayoutId id="2147483718" r:id="rId18"/>
    <p:sldLayoutId id="2147483681" r:id="rId19"/>
    <p:sldLayoutId id="2147483719" r:id="rId20"/>
    <p:sldLayoutId id="2147483692" r:id="rId21"/>
    <p:sldLayoutId id="2147483720" r:id="rId22"/>
    <p:sldLayoutId id="2147483705" r:id="rId23"/>
    <p:sldLayoutId id="2147483721" r:id="rId24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Relationship Id="rId4" Type="http://schemas.openxmlformats.org/officeDocument/2006/relationships/image" Target="../media/image2.emf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hyperlink" Target="https://samate.nist.gov/SARD/test-suites/112" TargetMode="Externa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1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8.xml"/><Relationship Id="rId4" Type="http://schemas.openxmlformats.org/officeDocument/2006/relationships/notesSlide" Target="../notesSlides/notesSlide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hyperlink" Target="https://ieeexplore.ieee.org/document/6853201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hyperlink" Target="https://herbsutter.com/2024/03/11/safety-in-context/" TargetMode="External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5.sv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close-up of a magnifying glass&#10;&#10;AI-generated content may be incorrect.">
            <a:extLst>
              <a:ext uri="{FF2B5EF4-FFF2-40B4-BE49-F238E27FC236}">
                <a16:creationId xmlns:a16="http://schemas.microsoft.com/office/drawing/2014/main" id="{6E3C520D-CCF2-55F2-A705-97881C11FE7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479425" y="476250"/>
            <a:ext cx="8353426" cy="345757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000"/>
              <a:t>Mon CHÉRI </a:t>
            </a:r>
            <a:r>
              <a:rPr lang="en-US" sz="6000" b="1"/>
              <a:t>❤️ </a:t>
            </a:r>
            <a:br>
              <a:rPr lang="en-US" sz="6000" b="1"/>
            </a:br>
            <a:endParaRPr lang="en-US" sz="6000" b="1"/>
          </a:p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4400"/>
              <a:t>Mitigating Uninitialized Memory Access with Conditional Capabilities</a:t>
            </a:r>
            <a:endParaRPr kumimoji="0" lang="en-US" sz="4400" i="0" u="none" strike="noStrike" kern="1400" cap="none" spc="-160" normalizeH="0" baseline="0" noProof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sp>
        <p:nvSpPr>
          <p:cNvPr id="5" name="Subtitle 13">
            <a:extLst>
              <a:ext uri="{FF2B5EF4-FFF2-40B4-BE49-F238E27FC236}">
                <a16:creationId xmlns:a16="http://schemas.microsoft.com/office/drawing/2014/main" id="{EBE0C4A5-D42F-44F1-9F5A-67BBFB530625}"/>
              </a:ext>
            </a:extLst>
          </p:cNvPr>
          <p:cNvSpPr txBox="1">
            <a:spLocks/>
          </p:cNvSpPr>
          <p:nvPr/>
        </p:nvSpPr>
        <p:spPr>
          <a:xfrm>
            <a:off x="479424" y="4149725"/>
            <a:ext cx="7209156" cy="2087563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en-US" u="sng"/>
              <a:t>Merve Gülmez</a:t>
            </a:r>
            <a:r>
              <a:rPr lang="en-US" baseline="30000"/>
              <a:t>*,†</a:t>
            </a:r>
            <a:r>
              <a:rPr lang="en-US"/>
              <a:t>, Håkan Englund</a:t>
            </a:r>
            <a:r>
              <a:rPr lang="en-US" baseline="30000"/>
              <a:t>*</a:t>
            </a:r>
            <a:r>
              <a:rPr lang="en-US"/>
              <a:t>, </a:t>
            </a:r>
            <a:br>
              <a:rPr lang="en-US"/>
            </a:br>
            <a:r>
              <a:rPr lang="en-US"/>
              <a:t>Jan Tobias Mühlberg</a:t>
            </a:r>
            <a:r>
              <a:rPr lang="en-US" baseline="30000"/>
              <a:t>‡</a:t>
            </a:r>
            <a:r>
              <a:rPr lang="en-US"/>
              <a:t>, Thomas Nyman</a:t>
            </a:r>
            <a:r>
              <a:rPr lang="en-US" baseline="30000"/>
              <a:t>*</a:t>
            </a:r>
          </a:p>
          <a:p>
            <a:pPr marL="0" indent="0">
              <a:buNone/>
            </a:pPr>
            <a:endParaRPr lang="en-US" baseline="30000"/>
          </a:p>
          <a:p>
            <a:pPr marL="0" indent="0">
              <a:buNone/>
            </a:pPr>
            <a:r>
              <a:rPr lang="en-US" baseline="30000"/>
              <a:t>*</a:t>
            </a:r>
            <a:r>
              <a:rPr lang="en-US" i="1"/>
              <a:t>Ericsson</a:t>
            </a:r>
            <a:r>
              <a:rPr lang="en-US"/>
              <a:t>, </a:t>
            </a:r>
            <a:r>
              <a:rPr lang="en-US" baseline="30000"/>
              <a:t>†</a:t>
            </a:r>
            <a:r>
              <a:rPr lang="en-US" i="1"/>
              <a:t>DistriNet</a:t>
            </a:r>
            <a:r>
              <a:rPr lang="en-US"/>
              <a:t>, </a:t>
            </a:r>
            <a:r>
              <a:rPr lang="en-US" i="1"/>
              <a:t>KU Leuven</a:t>
            </a:r>
            <a:r>
              <a:rPr lang="en-US"/>
              <a:t>, </a:t>
            </a:r>
            <a:r>
              <a:rPr lang="en-US" baseline="30000"/>
              <a:t>‡</a:t>
            </a:r>
            <a:r>
              <a:rPr lang="en-US" i="1"/>
              <a:t>Université Libre de Bruxelles</a:t>
            </a:r>
          </a:p>
        </p:txBody>
      </p:sp>
      <p:sp>
        <p:nvSpPr>
          <p:cNvPr id="6" name="Content Placeholder 14">
            <a:extLst>
              <a:ext uri="{FF2B5EF4-FFF2-40B4-BE49-F238E27FC236}">
                <a16:creationId xmlns:a16="http://schemas.microsoft.com/office/drawing/2014/main" id="{DE95ACB9-B873-474F-98C6-A4E2DBDA48CF}"/>
              </a:ext>
            </a:extLst>
          </p:cNvPr>
          <p:cNvSpPr txBox="1">
            <a:spLocks/>
          </p:cNvSpPr>
          <p:nvPr/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lang="en-US" sz="1100">
                <a:latin typeface="Ericsson Hilda"/>
              </a:rPr>
              <a:t>Merve Gülmez</a:t>
            </a:r>
            <a:endParaRPr kumimoji="0" lang="en-US" sz="1100" b="0" i="0" u="none" strike="noStrike" kern="1000" cap="none" spc="-30" normalizeH="0" baseline="0" noProof="0">
              <a:ln>
                <a:noFill/>
              </a:ln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7" name="Content Placeholder 15">
            <a:extLst>
              <a:ext uri="{FF2B5EF4-FFF2-40B4-BE49-F238E27FC236}">
                <a16:creationId xmlns:a16="http://schemas.microsoft.com/office/drawing/2014/main" id="{2B57716A-DE29-404B-8783-EC5EAC0E6C59}"/>
              </a:ext>
            </a:extLst>
          </p:cNvPr>
          <p:cNvSpPr txBox="1">
            <a:spLocks/>
          </p:cNvSpPr>
          <p:nvPr/>
        </p:nvSpPr>
        <p:spPr>
          <a:xfrm>
            <a:off x="8229600" y="6264000"/>
            <a:ext cx="2515041" cy="262800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100" b="0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Ericsson</a:t>
            </a:r>
          </a:p>
        </p:txBody>
      </p:sp>
      <p:sp>
        <p:nvSpPr>
          <p:cNvPr id="8" name="Content Placeholder 16">
            <a:extLst>
              <a:ext uri="{FF2B5EF4-FFF2-40B4-BE49-F238E27FC236}">
                <a16:creationId xmlns:a16="http://schemas.microsoft.com/office/drawing/2014/main" id="{C845FF77-4366-46F5-98BF-D30F6C614057}"/>
              </a:ext>
            </a:extLst>
          </p:cNvPr>
          <p:cNvSpPr txBox="1">
            <a:spLocks/>
          </p:cNvSpPr>
          <p:nvPr/>
        </p:nvSpPr>
        <p:spPr>
          <a:xfrm>
            <a:off x="10811951" y="6264000"/>
            <a:ext cx="897503" cy="262800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None/>
              <a:tabLst/>
              <a:defRPr/>
            </a:pPr>
            <a:r>
              <a:rPr kumimoji="0" lang="en-US" sz="1100" b="0" i="0" u="none" strike="noStrike" kern="1000" cap="none" spc="-30" normalizeH="0" baseline="0" noProof="0">
                <a:ln>
                  <a:noFill/>
                </a:ln>
                <a:effectLst/>
                <a:uLnTx/>
                <a:uFillTx/>
                <a:latin typeface="Ericsson Hilda"/>
                <a:ea typeface="+mn-ea"/>
                <a:cs typeface="+mn-cs"/>
              </a:rPr>
              <a:t>2025-05-12</a:t>
            </a:r>
          </a:p>
        </p:txBody>
      </p:sp>
      <p:pic>
        <p:nvPicPr>
          <p:cNvPr id="3" name="image">
            <a:extLst>
              <a:ext uri="{FF2B5EF4-FFF2-40B4-BE49-F238E27FC236}">
                <a16:creationId xmlns:a16="http://schemas.microsoft.com/office/drawing/2014/main" id="{D3D20E4A-5970-A73E-6267-9F6A38B4842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1632420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28BBE29-EABE-44CB-B6D9-7B2756C55A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476250"/>
            <a:ext cx="8353425" cy="1081088"/>
          </a:xfrm>
        </p:spPr>
        <p:txBody>
          <a:bodyPr/>
          <a:lstStyle/>
          <a:p>
            <a:r>
              <a:rPr lang="en-US"/>
              <a:t>Challenges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BB032EF-C7F9-E8CE-36F6-37D8B5DD8ED4}"/>
              </a:ext>
            </a:extLst>
          </p:cNvPr>
          <p:cNvSpPr txBox="1">
            <a:spLocks/>
          </p:cNvSpPr>
          <p:nvPr/>
        </p:nvSpPr>
        <p:spPr bwMode="auto">
          <a:xfrm>
            <a:off x="503308" y="5156616"/>
            <a:ext cx="3383280" cy="107849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r>
              <a:rPr kumimoji="0" lang="en-US" sz="240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How to track conditional permissions for larger areas of memory?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C04AFEE3-6D78-4054-1C7C-F9BAF0A061DA}"/>
              </a:ext>
            </a:extLst>
          </p:cNvPr>
          <p:cNvSpPr txBox="1">
            <a:spLocks/>
          </p:cNvSpPr>
          <p:nvPr/>
        </p:nvSpPr>
        <p:spPr bwMode="auto">
          <a:xfrm>
            <a:off x="4421480" y="5156616"/>
            <a:ext cx="3383280" cy="107849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2400">
                <a:solidFill>
                  <a:schemeClr val="tx1"/>
                </a:solidFill>
                <a:latin typeface="+mj-lt"/>
              </a:rPr>
              <a:t>How to keep track of </a:t>
            </a:r>
            <a:br>
              <a:rPr lang="en-US" sz="2400">
                <a:solidFill>
                  <a:schemeClr val="tx1"/>
                </a:solidFill>
                <a:latin typeface="+mj-lt"/>
              </a:rPr>
            </a:br>
            <a:r>
              <a:rPr lang="en-US" sz="2400">
                <a:solidFill>
                  <a:schemeClr val="tx1"/>
                </a:solidFill>
                <a:latin typeface="+mj-lt"/>
              </a:rPr>
              <a:t>the additional bound?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21813612-ACB2-85F5-C587-9E36087780FC}"/>
              </a:ext>
            </a:extLst>
          </p:cNvPr>
          <p:cNvSpPr txBox="1">
            <a:spLocks/>
          </p:cNvSpPr>
          <p:nvPr/>
        </p:nvSpPr>
        <p:spPr bwMode="auto">
          <a:xfrm>
            <a:off x="8339652" y="5156616"/>
            <a:ext cx="3383280" cy="107849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r>
              <a:rPr kumimoji="0" lang="en-US" sz="24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How to ensure bound in capability is kept consistent throughout its lifetime?</a:t>
            </a:r>
            <a:endParaRPr kumimoji="0" lang="en-US" sz="24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"/>
            </a:endParaRPr>
          </a:p>
        </p:txBody>
      </p:sp>
      <p:sp>
        <p:nvSpPr>
          <p:cNvPr id="59" name="Oval 58">
            <a:extLst>
              <a:ext uri="{FF2B5EF4-FFF2-40B4-BE49-F238E27FC236}">
                <a16:creationId xmlns:a16="http://schemas.microsoft.com/office/drawing/2014/main" id="{892B0C70-EE99-D218-241E-DE55BB8D7773}"/>
              </a:ext>
            </a:extLst>
          </p:cNvPr>
          <p:cNvSpPr>
            <a:spLocks/>
          </p:cNvSpPr>
          <p:nvPr/>
        </p:nvSpPr>
        <p:spPr bwMode="auto">
          <a:xfrm>
            <a:off x="8339652" y="1552443"/>
            <a:ext cx="3383280" cy="3383280"/>
          </a:xfrm>
          <a:prstGeom prst="ellipse">
            <a:avLst/>
          </a:prstGeom>
          <a:solidFill>
            <a:srgbClr val="976CF4"/>
          </a:solidFill>
          <a:ln w="381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0" tIns="36000" rIns="0" bIns="320040" numCol="1" spcCol="0" rtlCol="0" fromWordArt="0" anchor="b" anchorCtr="1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Linearize accesses to use same capability</a:t>
            </a: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 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643E2998-C44F-3931-0651-6ABE8AEEE869}"/>
              </a:ext>
            </a:extLst>
          </p:cNvPr>
          <p:cNvGrpSpPr/>
          <p:nvPr/>
        </p:nvGrpSpPr>
        <p:grpSpPr>
          <a:xfrm>
            <a:off x="503308" y="1552443"/>
            <a:ext cx="3866762" cy="3383280"/>
            <a:chOff x="503308" y="1552443"/>
            <a:chExt cx="3866762" cy="3383280"/>
          </a:xfrm>
        </p:grpSpPr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7B77CB51-694B-CCA5-B5D7-E2BDF844A0D4}"/>
                </a:ext>
              </a:extLst>
            </p:cNvPr>
            <p:cNvSpPr>
              <a:spLocks/>
            </p:cNvSpPr>
            <p:nvPr/>
          </p:nvSpPr>
          <p:spPr bwMode="auto">
            <a:xfrm>
              <a:off x="503308" y="1552443"/>
              <a:ext cx="3383280" cy="3383280"/>
            </a:xfrm>
            <a:prstGeom prst="ellipse">
              <a:avLst/>
            </a:prstGeom>
            <a:solidFill>
              <a:srgbClr val="1174E6"/>
            </a:solidFill>
            <a:ln w="285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0" tIns="36000" rIns="0" bIns="320040" numCol="1" spcCol="0" rtlCol="0" fromWordArt="0" anchor="b" anchorCtr="1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base" latinLnBrk="0" hangingPunct="1">
                <a:lnSpc>
                  <a:spcPct val="9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</a:rPr>
                <a:t>Store bound for written area and update it each store</a:t>
              </a:r>
            </a:p>
          </p:txBody>
        </p:sp>
        <p:sp>
          <p:nvSpPr>
            <p:cNvPr id="2" name="Arrow: Right 1">
              <a:extLst>
                <a:ext uri="{FF2B5EF4-FFF2-40B4-BE49-F238E27FC236}">
                  <a16:creationId xmlns:a16="http://schemas.microsoft.com/office/drawing/2014/main" id="{DD0EB1DB-4948-0527-0B61-16392BBFEECB}"/>
                </a:ext>
              </a:extLst>
            </p:cNvPr>
            <p:cNvSpPr/>
            <p:nvPr/>
          </p:nvSpPr>
          <p:spPr>
            <a:xfrm>
              <a:off x="3712870" y="1977665"/>
              <a:ext cx="657200" cy="2537731"/>
            </a:xfrm>
            <a:prstGeom prst="rightArrow">
              <a:avLst/>
            </a:prstGeom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800"/>
                </a:spcBef>
              </a:pPr>
              <a:endParaRPr lang="en-US" err="1"/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D325CB58-8F95-5D7A-B822-32985E5AD537}"/>
              </a:ext>
            </a:extLst>
          </p:cNvPr>
          <p:cNvGrpSpPr/>
          <p:nvPr/>
        </p:nvGrpSpPr>
        <p:grpSpPr>
          <a:xfrm>
            <a:off x="4421480" y="1552443"/>
            <a:ext cx="3838782" cy="3383280"/>
            <a:chOff x="4421480" y="1552443"/>
            <a:chExt cx="3838782" cy="3383280"/>
          </a:xfrm>
        </p:grpSpPr>
        <p:sp>
          <p:nvSpPr>
            <p:cNvPr id="58" name="Oval 57">
              <a:extLst>
                <a:ext uri="{FF2B5EF4-FFF2-40B4-BE49-F238E27FC236}">
                  <a16:creationId xmlns:a16="http://schemas.microsoft.com/office/drawing/2014/main" id="{ACD48A52-9D36-ED5B-08E0-D5068C4A262B}"/>
                </a:ext>
              </a:extLst>
            </p:cNvPr>
            <p:cNvSpPr>
              <a:spLocks/>
            </p:cNvSpPr>
            <p:nvPr/>
          </p:nvSpPr>
          <p:spPr bwMode="auto">
            <a:xfrm>
              <a:off x="4421480" y="1552443"/>
              <a:ext cx="3383280" cy="3383280"/>
            </a:xfrm>
            <a:prstGeom prst="ellipse">
              <a:avLst/>
            </a:prstGeom>
            <a:solidFill>
              <a:srgbClr val="23969A"/>
            </a:solidFill>
            <a:ln w="381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0" tIns="36000" rIns="0" bIns="320040" numCol="1" spcCol="0" rtlCol="0" fromWordArt="0" anchor="b" anchorCtr="1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base" latinLnBrk="0" hangingPunct="1">
                <a:lnSpc>
                  <a:spcPct val="9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</a:rPr>
                <a:t>Encode it into the capability</a:t>
              </a:r>
            </a:p>
            <a:p>
              <a:pPr marL="0" marR="0" lvl="0" indent="0" algn="ctr" defTabSz="914400" eaLnBrk="1" fontAlgn="base" latinLnBrk="0" hangingPunct="1">
                <a:lnSpc>
                  <a:spcPct val="9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endParaRPr>
            </a:p>
          </p:txBody>
        </p:sp>
        <p:sp>
          <p:nvSpPr>
            <p:cNvPr id="3" name="Arrow: Right 2">
              <a:extLst>
                <a:ext uri="{FF2B5EF4-FFF2-40B4-BE49-F238E27FC236}">
                  <a16:creationId xmlns:a16="http://schemas.microsoft.com/office/drawing/2014/main" id="{6F8291F9-C91A-EF6C-B65E-ED0AE2DA34BD}"/>
                </a:ext>
              </a:extLst>
            </p:cNvPr>
            <p:cNvSpPr/>
            <p:nvPr/>
          </p:nvSpPr>
          <p:spPr>
            <a:xfrm>
              <a:off x="7603062" y="1975217"/>
              <a:ext cx="657200" cy="2537731"/>
            </a:xfrm>
            <a:prstGeom prst="rightArrow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800"/>
                </a:spcBef>
              </a:pPr>
              <a:endParaRPr lang="en-US" err="1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0961165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6" grpId="0"/>
      <p:bldP spid="59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CEFA-F560-4FD7-5D34-416D384B1D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Mon CHÉRI high-level architecture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9985FA6-9F56-0FA8-BD45-CD154E0B31D8}"/>
              </a:ext>
            </a:extLst>
          </p:cNvPr>
          <p:cNvSpPr txBox="1"/>
          <p:nvPr/>
        </p:nvSpPr>
        <p:spPr>
          <a:xfrm>
            <a:off x="3636829" y="1961333"/>
            <a:ext cx="4549710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600"/>
              <a:t> </a:t>
            </a:r>
            <a:r>
              <a:rPr lang="en-US" sz="1600">
                <a:latin typeface="+mn-lt"/>
              </a:rPr>
              <a:t>Conditional capability-enhanced LLVM compiler </a:t>
            </a:r>
          </a:p>
        </p:txBody>
      </p:sp>
      <p:pic>
        <p:nvPicPr>
          <p:cNvPr id="8" name="Picture 7" descr="A diagram of a computer&#10;&#10;AI-generated content may be incorrect.">
            <a:extLst>
              <a:ext uri="{FF2B5EF4-FFF2-40B4-BE49-F238E27FC236}">
                <a16:creationId xmlns:a16="http://schemas.microsoft.com/office/drawing/2014/main" id="{66207D07-8E43-FE5F-45B4-915F55FFD27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299887"/>
            <a:ext cx="12192000" cy="2892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266338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4AC9DF-FDFB-2534-10CE-C747603551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Evaluation: Functional &amp; Performance</a:t>
            </a:r>
            <a:br>
              <a:rPr lang="en-US"/>
            </a:b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7B2CDD-E3DF-6FDF-00D5-C9FC44DFC8DB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9425" y="1844674"/>
            <a:ext cx="11233150" cy="3546475"/>
          </a:xfrm>
        </p:spPr>
        <p:txBody>
          <a:bodyPr/>
          <a:lstStyle/>
          <a:p>
            <a:pPr marL="0" indent="0">
              <a:buNone/>
            </a:pPr>
            <a:r>
              <a:rPr lang="en-US" b="1">
                <a:solidFill>
                  <a:srgbClr val="000000"/>
                </a:solidFill>
              </a:rPr>
              <a:t>Functional: </a:t>
            </a:r>
            <a:r>
              <a:rPr lang="en-US">
                <a:solidFill>
                  <a:srgbClr val="000000"/>
                </a:solidFill>
              </a:rPr>
              <a:t>NIST Juliet Test Suite</a:t>
            </a:r>
            <a:r>
              <a:rPr lang="en-US" baseline="30000">
                <a:solidFill>
                  <a:srgbClr val="000000"/>
                </a:solidFill>
              </a:rPr>
              <a:t>1</a:t>
            </a:r>
            <a:r>
              <a:rPr lang="en-US" b="0">
                <a:solidFill>
                  <a:srgbClr val="000000"/>
                </a:solidFill>
                <a:effectLst/>
              </a:rPr>
              <a:t> for </a:t>
            </a:r>
            <a:r>
              <a:rPr lang="en-US"/>
              <a:t>C/C++ evaluated on QEMU full-system emulator </a:t>
            </a:r>
            <a:endParaRPr lang="en-US" sz="1800" b="0">
              <a:solidFill>
                <a:srgbClr val="000000"/>
              </a:solidFill>
              <a:effectLst/>
            </a:endParaRPr>
          </a:p>
          <a:p>
            <a:r>
              <a:rPr lang="en-US" sz="1800">
                <a:solidFill>
                  <a:srgbClr val="000000"/>
                </a:solidFill>
              </a:rPr>
              <a:t>We focus on </a:t>
            </a:r>
            <a:r>
              <a:rPr lang="en-US" sz="1800"/>
              <a:t>CWE 457: Use of Uninitialized Variable</a:t>
            </a:r>
            <a:r>
              <a:rPr lang="en-US" sz="1800">
                <a:solidFill>
                  <a:srgbClr val="000000"/>
                </a:solidFill>
              </a:rPr>
              <a:t> that consists of 560 Good and 560 Bad test cases</a:t>
            </a:r>
            <a:r>
              <a:rPr lang="en-US" sz="1800" b="0">
                <a:solidFill>
                  <a:srgbClr val="000000"/>
                </a:solidFill>
                <a:effectLst/>
              </a:rPr>
              <a:t> </a:t>
            </a:r>
            <a:endParaRPr lang="en-US"/>
          </a:p>
          <a:p>
            <a:pPr marL="0" indent="0">
              <a:buNone/>
            </a:pPr>
            <a:endParaRPr lang="en-US"/>
          </a:p>
          <a:p>
            <a:pPr marL="0" indent="0">
              <a:buNone/>
            </a:pPr>
            <a:endParaRPr lang="en-US"/>
          </a:p>
          <a:p>
            <a:pPr marL="0" indent="0">
              <a:buNone/>
            </a:pPr>
            <a:endParaRPr lang="en-US"/>
          </a:p>
          <a:p>
            <a:pPr marL="0" indent="0" algn="ctr">
              <a:buNone/>
            </a:pPr>
            <a:endParaRPr lang="en-US" sz="1200" b="1">
              <a:solidFill>
                <a:srgbClr val="E65D6A"/>
              </a:solidFill>
            </a:endParaRPr>
          </a:p>
          <a:p>
            <a:pPr marL="0" indent="0" algn="ctr">
              <a:buNone/>
            </a:pPr>
            <a:r>
              <a:rPr lang="en-US" sz="1400" b="1">
                <a:solidFill>
                  <a:srgbClr val="E65D6A"/>
                </a:solidFill>
              </a:rPr>
              <a:t>*) </a:t>
            </a:r>
            <a:r>
              <a:rPr lang="en-US" sz="1400"/>
              <a:t>False negatives cases exhibits uninitialized behavior, but such behavior that is benign from a security point of view</a:t>
            </a:r>
            <a:endParaRPr lang="en-US" sz="1400" b="1">
              <a:solidFill>
                <a:srgbClr val="000000"/>
              </a:solidFill>
            </a:endParaRPr>
          </a:p>
          <a:p>
            <a:pPr marL="0" indent="0" algn="ctr">
              <a:buNone/>
            </a:pPr>
            <a:endParaRPr lang="en-US" sz="1400" b="1">
              <a:solidFill>
                <a:srgbClr val="000000"/>
              </a:solidFill>
            </a:endParaRPr>
          </a:p>
          <a:p>
            <a:pPr marL="0" indent="0">
              <a:buNone/>
            </a:pPr>
            <a:r>
              <a:rPr lang="en-US" b="1">
                <a:solidFill>
                  <a:srgbClr val="000000"/>
                </a:solidFill>
              </a:rPr>
              <a:t>Performance and Area Cost: </a:t>
            </a:r>
            <a:r>
              <a:rPr lang="en-US">
                <a:solidFill>
                  <a:srgbClr val="000000"/>
                </a:solidFill>
              </a:rPr>
              <a:t>Mon CH</a:t>
            </a:r>
            <a:r>
              <a:rPr lang="en-US"/>
              <a:t>É</a:t>
            </a:r>
            <a:r>
              <a:rPr lang="en-US">
                <a:solidFill>
                  <a:srgbClr val="000000"/>
                </a:solidFill>
              </a:rPr>
              <a:t>RI is implemented on </a:t>
            </a:r>
            <a:r>
              <a:rPr lang="en-US" sz="2000">
                <a:solidFill>
                  <a:srgbClr val="000000"/>
                </a:solidFill>
              </a:rPr>
              <a:t>CHERI-RISC-V FPGA Flute core</a:t>
            </a:r>
          </a:p>
          <a:p>
            <a:r>
              <a:rPr lang="en-US" sz="2000">
                <a:solidFill>
                  <a:srgbClr val="000000"/>
                </a:solidFill>
              </a:rPr>
              <a:t>only 2%, a small cost considering the overhead of adding CHERI.</a:t>
            </a:r>
          </a:p>
          <a:p>
            <a:r>
              <a:rPr lang="en-US" sz="2000">
                <a:solidFill>
                  <a:srgbClr val="000000"/>
                </a:solidFill>
              </a:rPr>
              <a:t>a modest ≈ 3.5% overhead over pure-capability mode on Coremark</a:t>
            </a:r>
          </a:p>
          <a:p>
            <a:pPr marL="0" indent="0">
              <a:buNone/>
            </a:pPr>
            <a:endParaRPr lang="en-US" sz="2000">
              <a:solidFill>
                <a:srgbClr val="000000"/>
              </a:solidFill>
            </a:endParaRPr>
          </a:p>
          <a:p>
            <a:pPr marL="0" indent="0">
              <a:buNone/>
            </a:pPr>
            <a:endParaRPr 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B86237AD-3A32-D15D-B496-B65EE6EA0365}"/>
              </a:ext>
            </a:extLst>
          </p:cNvPr>
          <p:cNvSpPr txBox="1"/>
          <p:nvPr/>
        </p:nvSpPr>
        <p:spPr>
          <a:xfrm>
            <a:off x="4383464" y="6381750"/>
            <a:ext cx="5599521" cy="377072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L="457200" marR="0" indent="-4572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AutoNum type="arabicParenR"/>
              <a:tabLst/>
            </a:pPr>
            <a:r>
              <a:rPr kumimoji="0" lang="en-US" sz="16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  <a:hlinkClick r:id="rId2"/>
              </a:rPr>
              <a:t>https://samate.nist.gov/SARD/test-suites/112</a:t>
            </a:r>
            <a:endParaRPr kumimoji="0" lang="en-US" sz="16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L="457200" marR="0" indent="-4572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AutoNum type="arabicParenR"/>
              <a:tabLst/>
            </a:pPr>
            <a:endParaRPr kumimoji="0" lang="en-US" sz="16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graphicFrame>
        <p:nvGraphicFramePr>
          <p:cNvPr id="18" name="Table 17">
            <a:extLst>
              <a:ext uri="{FF2B5EF4-FFF2-40B4-BE49-F238E27FC236}">
                <a16:creationId xmlns:a16="http://schemas.microsoft.com/office/drawing/2014/main" id="{C6398831-79B4-4410-8B1B-8C11A3ACF9D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0349641"/>
              </p:ext>
            </p:extLst>
          </p:nvPr>
        </p:nvGraphicFramePr>
        <p:xfrm>
          <a:off x="3690256" y="2926080"/>
          <a:ext cx="4376058" cy="1005840"/>
        </p:xfrm>
        <a:graphic>
          <a:graphicData uri="http://schemas.openxmlformats.org/drawingml/2006/table">
            <a:tbl>
              <a:tblPr firstRow="1" bandRow="1">
                <a:tableStyleId>{9D7B26C5-4107-4FEC-AEDC-1716B250A1EF}</a:tableStyleId>
              </a:tblPr>
              <a:tblGrid>
                <a:gridCol w="1230086">
                  <a:extLst>
                    <a:ext uri="{9D8B030D-6E8A-4147-A177-3AD203B41FA5}">
                      <a16:colId xmlns:a16="http://schemas.microsoft.com/office/drawing/2014/main" val="2588688995"/>
                    </a:ext>
                  </a:extLst>
                </a:gridCol>
                <a:gridCol w="1513114">
                  <a:extLst>
                    <a:ext uri="{9D8B030D-6E8A-4147-A177-3AD203B41FA5}">
                      <a16:colId xmlns:a16="http://schemas.microsoft.com/office/drawing/2014/main" val="1005614491"/>
                    </a:ext>
                  </a:extLst>
                </a:gridCol>
                <a:gridCol w="1632858">
                  <a:extLst>
                    <a:ext uri="{9D8B030D-6E8A-4147-A177-3AD203B41FA5}">
                      <a16:colId xmlns:a16="http://schemas.microsoft.com/office/drawing/2014/main" val="1570366222"/>
                    </a:ext>
                  </a:extLst>
                </a:gridCol>
              </a:tblGrid>
              <a:tr h="265054"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Positiv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Negative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87365133"/>
                  </a:ext>
                </a:extLst>
              </a:tr>
              <a:tr h="265054">
                <a:tc>
                  <a:txBody>
                    <a:bodyPr/>
                    <a:lstStyle/>
                    <a:p>
                      <a:r>
                        <a:rPr lang="en-US" sz="1600"/>
                        <a:t>Bad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560 (100%)</a:t>
                      </a:r>
                    </a:p>
                  </a:txBody>
                  <a:tcP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0 (0%)</a:t>
                      </a:r>
                    </a:p>
                  </a:txBody>
                  <a:tcPr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75152755"/>
                  </a:ext>
                </a:extLst>
              </a:tr>
              <a:tr h="265054">
                <a:tc>
                  <a:txBody>
                    <a:bodyPr/>
                    <a:lstStyle/>
                    <a:p>
                      <a:r>
                        <a:rPr lang="en-US" sz="1600"/>
                        <a:t>Goo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6 (1%)</a:t>
                      </a:r>
                      <a:r>
                        <a:rPr lang="en-US" sz="1600">
                          <a:solidFill>
                            <a:srgbClr val="FF0000"/>
                          </a:solidFill>
                        </a:rPr>
                        <a:t>*</a:t>
                      </a:r>
                    </a:p>
                  </a:txBody>
                  <a:tcPr>
                    <a:solidFill>
                      <a:schemeClr val="accent6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/>
                        <a:t>554 (99%)</a:t>
                      </a:r>
                    </a:p>
                  </a:txBody>
                  <a:tcPr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7887317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015344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38626A-2ABE-8993-500E-87285E99C1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onclusion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5B351D9-CC3B-B98A-D55B-1F0755C298EE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79424" y="1844675"/>
            <a:ext cx="10765749" cy="4392612"/>
          </a:xfrm>
        </p:spPr>
        <p:txBody>
          <a:bodyPr/>
          <a:lstStyle/>
          <a:p>
            <a:r>
              <a:rPr lang="en-US"/>
              <a:t>We introduce </a:t>
            </a:r>
            <a:r>
              <a:rPr lang="en-US" b="1">
                <a:solidFill>
                  <a:schemeClr val="accent1"/>
                </a:solidFill>
              </a:rPr>
              <a:t>conditional permissions </a:t>
            </a:r>
            <a:r>
              <a:rPr lang="en-US"/>
              <a:t>and </a:t>
            </a:r>
            <a:r>
              <a:rPr lang="en-US" b="1">
                <a:solidFill>
                  <a:schemeClr val="accent1"/>
                </a:solidFill>
              </a:rPr>
              <a:t>conditional capabilities </a:t>
            </a:r>
            <a:r>
              <a:rPr lang="en-US"/>
              <a:t>for CHERI</a:t>
            </a:r>
          </a:p>
          <a:p>
            <a:endParaRPr lang="en-US"/>
          </a:p>
          <a:p>
            <a:r>
              <a:rPr lang="en-US"/>
              <a:t>We integrate conditional capabilities to CHERI-RISC-V in prototypes </a:t>
            </a:r>
            <a:br>
              <a:rPr lang="en-US"/>
            </a:br>
            <a:r>
              <a:rPr lang="en-US"/>
              <a:t>based on QEMU full-system emulator and FPGA Flute64Cheri softcore</a:t>
            </a:r>
          </a:p>
          <a:p>
            <a:endParaRPr lang="en-US"/>
          </a:p>
          <a:p>
            <a:r>
              <a:rPr lang="en-US"/>
              <a:t>We add support for Write-before-Read CPs to CHERI-enabled </a:t>
            </a:r>
            <a:br>
              <a:rPr lang="en-US"/>
            </a:br>
            <a:r>
              <a:rPr lang="en-US"/>
              <a:t>Clang/LLVM compiler and two embedded memory allocators</a:t>
            </a:r>
          </a:p>
          <a:p>
            <a:endParaRPr lang="en-US"/>
          </a:p>
          <a:p>
            <a:r>
              <a:rPr lang="en-US"/>
              <a:t>Evaluation using &gt; 1000 test cases from NIST Juliet test suite  and EEMBC CoreMark performance benchmarks showing </a:t>
            </a:r>
            <a:r>
              <a:rPr lang="en-US" sz="2000">
                <a:solidFill>
                  <a:srgbClr val="000000"/>
                </a:solidFill>
              </a:rPr>
              <a:t>≈ 3.5% overhead over CHERI pure-capability mode 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440622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ubtitle 3">
            <a:extLst>
              <a:ext uri="{FF2B5EF4-FFF2-40B4-BE49-F238E27FC236}">
                <a16:creationId xmlns:a16="http://schemas.microsoft.com/office/drawing/2014/main" id="{6FF69E04-8523-4965-90ED-73D4F9BAE27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endParaRPr lang="en-US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38392870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EF9D07-A526-F5DB-E255-FF0EA044C8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Motivation: Memory Safet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779A596-181F-1C94-1CBB-11B5BDF465C8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9425" y="1844675"/>
            <a:ext cx="6267962" cy="4392612"/>
          </a:xfrm>
        </p:spPr>
        <p:txBody>
          <a:bodyPr/>
          <a:lstStyle/>
          <a:p>
            <a:pPr marL="0" indent="0">
              <a:buNone/>
            </a:pPr>
            <a:r>
              <a:rPr lang="en-US"/>
              <a:t>Concerns around </a:t>
            </a:r>
            <a:r>
              <a:rPr lang="en-US" b="1">
                <a:solidFill>
                  <a:schemeClr val="accent1"/>
                </a:solidFill>
              </a:rPr>
              <a:t>memory safety </a:t>
            </a:r>
            <a:r>
              <a:rPr lang="en-US"/>
              <a:t>in software industry are increasing thanks to regulatory attention</a:t>
            </a:r>
          </a:p>
          <a:p>
            <a:pPr marL="0" indent="0">
              <a:buNone/>
            </a:pPr>
            <a:endParaRPr lang="en-US"/>
          </a:p>
          <a:p>
            <a:pPr marL="0" indent="0">
              <a:buNone/>
            </a:pPr>
            <a:r>
              <a:rPr lang="en-US"/>
              <a:t>Memory safety is a combination of </a:t>
            </a:r>
            <a:r>
              <a:rPr lang="en-US" i="1"/>
              <a:t>correctness</a:t>
            </a:r>
            <a:r>
              <a:rPr lang="en-US"/>
              <a:t> aspects which can be improved through a number of means:</a:t>
            </a:r>
          </a:p>
          <a:p>
            <a:r>
              <a:rPr lang="en-US" sz="1800" i="1"/>
              <a:t>Memory-safe programming languages</a:t>
            </a:r>
            <a:r>
              <a:rPr lang="en-US" sz="1800"/>
              <a:t>, e.g., Rust</a:t>
            </a:r>
          </a:p>
          <a:p>
            <a:r>
              <a:rPr lang="en-US" sz="1800" i="1"/>
              <a:t>Static</a:t>
            </a:r>
            <a:r>
              <a:rPr lang="en-US" sz="1800"/>
              <a:t> and </a:t>
            </a:r>
            <a:r>
              <a:rPr lang="en-US" sz="1800" i="1"/>
              <a:t>dynamic  analysis</a:t>
            </a:r>
            <a:r>
              <a:rPr lang="en-US" sz="1800"/>
              <a:t> of</a:t>
            </a:r>
            <a:r>
              <a:rPr lang="en-US" sz="1800" i="1"/>
              <a:t> unsafe languages</a:t>
            </a:r>
          </a:p>
          <a:p>
            <a:r>
              <a:rPr lang="en-US" sz="1800" i="1"/>
              <a:t>Memory-safe hardware</a:t>
            </a:r>
            <a:r>
              <a:rPr lang="en-US" sz="1800"/>
              <a:t>, such as CHERI</a:t>
            </a:r>
            <a:r>
              <a:rPr lang="en-US" sz="1800" baseline="30000"/>
              <a:t>1</a:t>
            </a:r>
            <a:r>
              <a:rPr lang="en-US" sz="1800"/>
              <a:t>:</a:t>
            </a:r>
            <a:br>
              <a:rPr lang="en-US" sz="1800"/>
            </a:br>
            <a:r>
              <a:rPr lang="en-US" sz="1800" i="1"/>
              <a:t>Capability Hardware Enhanced RISC Instruction</a:t>
            </a:r>
          </a:p>
          <a:p>
            <a:endParaRPr lang="en-US"/>
          </a:p>
          <a:p>
            <a:pPr marL="0" indent="0">
              <a:buNone/>
            </a:pPr>
            <a:r>
              <a:rPr lang="en-US"/>
              <a:t>Memory-safe hardware particularly attractive for existing code-bases in unsafe languages, such as C and C++</a:t>
            </a:r>
          </a:p>
        </p:txBody>
      </p:sp>
      <p:sp>
        <p:nvSpPr>
          <p:cNvPr id="10" name="Freeform 14">
            <a:extLst>
              <a:ext uri="{FF2B5EF4-FFF2-40B4-BE49-F238E27FC236}">
                <a16:creationId xmlns:a16="http://schemas.microsoft.com/office/drawing/2014/main" id="{89984455-606C-B612-E5E8-42B7172C4BF9}"/>
              </a:ext>
            </a:extLst>
          </p:cNvPr>
          <p:cNvSpPr>
            <a:spLocks noChangeAspect="1"/>
          </p:cNvSpPr>
          <p:nvPr/>
        </p:nvSpPr>
        <p:spPr bwMode="auto">
          <a:xfrm>
            <a:off x="8403905" y="3459489"/>
            <a:ext cx="1427682" cy="1255278"/>
          </a:xfrm>
          <a:prstGeom prst="hexagon">
            <a:avLst/>
          </a:prstGeom>
          <a:solidFill>
            <a:schemeClr val="accent1"/>
          </a:solidFill>
          <a:ln w="12700">
            <a:solidFill>
              <a:schemeClr val="accent1"/>
            </a:solidFill>
            <a:round/>
            <a:headEnd/>
            <a:tailEnd/>
          </a:ln>
        </p:spPr>
        <p:txBody>
          <a:bodyPr lIns="0" tIns="0" rIns="0" bIns="0" anchor="ctr"/>
          <a:lstStyle>
            <a:lvl1pPr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950" indent="-28575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30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2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4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marL="0" indent="0" algn="ctr" eaLnBrk="1" hangingPunct="1">
              <a:spcBef>
                <a:spcPct val="50000"/>
              </a:spcBef>
              <a:buNone/>
            </a:pPr>
            <a:r>
              <a:rPr lang="en-US" altLang="en-US" sz="1400">
                <a:solidFill>
                  <a:schemeClr val="bg1"/>
                </a:solidFill>
                <a:latin typeface="+mn-lt"/>
              </a:rPr>
              <a:t>Memory</a:t>
            </a:r>
            <a:br>
              <a:rPr lang="en-US" altLang="en-US" sz="1400">
                <a:solidFill>
                  <a:schemeClr val="bg1"/>
                </a:solidFill>
                <a:latin typeface="+mn-lt"/>
              </a:rPr>
            </a:br>
            <a:r>
              <a:rPr lang="en-US" altLang="en-US" sz="1400">
                <a:solidFill>
                  <a:schemeClr val="bg1"/>
                </a:solidFill>
                <a:latin typeface="+mn-lt"/>
              </a:rPr>
              <a:t>Safety</a:t>
            </a:r>
          </a:p>
        </p:txBody>
      </p:sp>
      <p:sp>
        <p:nvSpPr>
          <p:cNvPr id="11" name="Freeform 14">
            <a:extLst>
              <a:ext uri="{FF2B5EF4-FFF2-40B4-BE49-F238E27FC236}">
                <a16:creationId xmlns:a16="http://schemas.microsoft.com/office/drawing/2014/main" id="{BD83FFA0-4EF2-7C93-768F-0A3B1935A012}"/>
              </a:ext>
            </a:extLst>
          </p:cNvPr>
          <p:cNvSpPr>
            <a:spLocks noChangeAspect="1"/>
          </p:cNvSpPr>
          <p:nvPr/>
        </p:nvSpPr>
        <p:spPr bwMode="auto">
          <a:xfrm>
            <a:off x="8403905" y="4783159"/>
            <a:ext cx="1427682" cy="1255277"/>
          </a:xfrm>
          <a:prstGeom prst="hexagon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</p:spPr>
        <p:txBody>
          <a:bodyPr lIns="0" tIns="0" rIns="0" bIns="0" anchor="ctr"/>
          <a:lstStyle>
            <a:lvl1pPr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950" indent="-28575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30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2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4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marL="0" indent="0" algn="ctr">
              <a:buNone/>
            </a:pPr>
            <a:r>
              <a:rPr lang="en-US" altLang="en-US" sz="1400">
                <a:solidFill>
                  <a:schemeClr val="bg1"/>
                </a:solidFill>
              </a:rPr>
              <a:t>Resource</a:t>
            </a:r>
            <a:br>
              <a:rPr lang="en-US" altLang="en-US" sz="1400">
                <a:solidFill>
                  <a:schemeClr val="bg1"/>
                </a:solidFill>
              </a:rPr>
            </a:br>
            <a:r>
              <a:rPr lang="en-US" altLang="en-US" sz="1400">
                <a:solidFill>
                  <a:schemeClr val="bg1"/>
                </a:solidFill>
              </a:rPr>
              <a:t>Safety</a:t>
            </a:r>
          </a:p>
        </p:txBody>
      </p:sp>
      <p:sp>
        <p:nvSpPr>
          <p:cNvPr id="12" name="Freeform 14">
            <a:extLst>
              <a:ext uri="{FF2B5EF4-FFF2-40B4-BE49-F238E27FC236}">
                <a16:creationId xmlns:a16="http://schemas.microsoft.com/office/drawing/2014/main" id="{8231FA7E-1B0C-AA18-DFE9-7D43A399F0F3}"/>
              </a:ext>
            </a:extLst>
          </p:cNvPr>
          <p:cNvSpPr>
            <a:spLocks noChangeAspect="1"/>
          </p:cNvSpPr>
          <p:nvPr/>
        </p:nvSpPr>
        <p:spPr bwMode="auto">
          <a:xfrm>
            <a:off x="8403905" y="2142944"/>
            <a:ext cx="1427682" cy="1255278"/>
          </a:xfrm>
          <a:prstGeom prst="hexagon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</p:spPr>
        <p:txBody>
          <a:bodyPr lIns="0" tIns="0" rIns="0" bIns="0" anchor="ctr"/>
          <a:lstStyle>
            <a:lvl1pPr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950" indent="-28575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30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2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4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marL="0" indent="0" algn="ctr">
              <a:buNone/>
            </a:pPr>
            <a:r>
              <a:rPr lang="en-US" altLang="en-US" sz="1400">
                <a:solidFill>
                  <a:schemeClr val="bg1"/>
                </a:solidFill>
              </a:rPr>
              <a:t>Temporal</a:t>
            </a:r>
            <a:br>
              <a:rPr lang="en-US" altLang="en-US" sz="1400">
                <a:solidFill>
                  <a:schemeClr val="bg1"/>
                </a:solidFill>
              </a:rPr>
            </a:br>
            <a:r>
              <a:rPr lang="en-US" altLang="en-US" sz="1400">
                <a:solidFill>
                  <a:schemeClr val="bg1"/>
                </a:solidFill>
              </a:rPr>
              <a:t>Safety</a:t>
            </a:r>
          </a:p>
        </p:txBody>
      </p:sp>
      <p:sp>
        <p:nvSpPr>
          <p:cNvPr id="13" name="Freeform 14">
            <a:extLst>
              <a:ext uri="{FF2B5EF4-FFF2-40B4-BE49-F238E27FC236}">
                <a16:creationId xmlns:a16="http://schemas.microsoft.com/office/drawing/2014/main" id="{E33A41A2-1CDD-51B4-E6B0-68526C3E45EB}"/>
              </a:ext>
            </a:extLst>
          </p:cNvPr>
          <p:cNvSpPr>
            <a:spLocks noChangeAspect="1"/>
          </p:cNvSpPr>
          <p:nvPr/>
        </p:nvSpPr>
        <p:spPr bwMode="auto">
          <a:xfrm>
            <a:off x="9572267" y="2801217"/>
            <a:ext cx="1429108" cy="1255277"/>
          </a:xfrm>
          <a:prstGeom prst="hexagon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</p:spPr>
        <p:txBody>
          <a:bodyPr lIns="0" tIns="0" rIns="0" bIns="0" anchor="ctr"/>
          <a:lstStyle>
            <a:lvl1pPr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950" indent="-28575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30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2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4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marL="0" indent="0" algn="ctr">
              <a:buNone/>
            </a:pPr>
            <a:r>
              <a:rPr lang="en-US" altLang="en-US" sz="1400">
                <a:solidFill>
                  <a:schemeClr val="bg1"/>
                </a:solidFill>
              </a:rPr>
              <a:t>Type</a:t>
            </a:r>
            <a:br>
              <a:rPr lang="en-US" altLang="en-US" sz="1400">
                <a:solidFill>
                  <a:schemeClr val="bg1"/>
                </a:solidFill>
              </a:rPr>
            </a:br>
            <a:r>
              <a:rPr lang="en-US" altLang="en-US" sz="1400">
                <a:solidFill>
                  <a:schemeClr val="bg1"/>
                </a:solidFill>
              </a:rPr>
              <a:t>Safety</a:t>
            </a:r>
          </a:p>
        </p:txBody>
      </p:sp>
      <p:sp>
        <p:nvSpPr>
          <p:cNvPr id="14" name="Freeform 14">
            <a:extLst>
              <a:ext uri="{FF2B5EF4-FFF2-40B4-BE49-F238E27FC236}">
                <a16:creationId xmlns:a16="http://schemas.microsoft.com/office/drawing/2014/main" id="{3D5768B9-DBD8-AD6F-2A0C-05BEA608993E}"/>
              </a:ext>
            </a:extLst>
          </p:cNvPr>
          <p:cNvSpPr>
            <a:spLocks noChangeAspect="1"/>
          </p:cNvSpPr>
          <p:nvPr/>
        </p:nvSpPr>
        <p:spPr bwMode="auto">
          <a:xfrm>
            <a:off x="9572267" y="4113488"/>
            <a:ext cx="1429108" cy="1255278"/>
          </a:xfrm>
          <a:prstGeom prst="hexagon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</p:spPr>
        <p:txBody>
          <a:bodyPr lIns="0" tIns="0" rIns="0" bIns="0" anchor="ctr"/>
          <a:lstStyle>
            <a:lvl1pPr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950" indent="-28575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30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2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4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marL="0" indent="0" algn="ctr">
              <a:buNone/>
            </a:pPr>
            <a:r>
              <a:rPr lang="en-US" altLang="en-US" sz="1400">
                <a:solidFill>
                  <a:schemeClr val="bg1"/>
                </a:solidFill>
              </a:rPr>
              <a:t>Data-Race</a:t>
            </a:r>
            <a:br>
              <a:rPr lang="en-US" altLang="en-US" sz="1400">
                <a:solidFill>
                  <a:schemeClr val="bg1"/>
                </a:solidFill>
              </a:rPr>
            </a:br>
            <a:r>
              <a:rPr lang="en-US" altLang="en-US" sz="1400">
                <a:solidFill>
                  <a:schemeClr val="bg1"/>
                </a:solidFill>
              </a:rPr>
              <a:t>Safety</a:t>
            </a:r>
          </a:p>
        </p:txBody>
      </p:sp>
      <p:sp>
        <p:nvSpPr>
          <p:cNvPr id="15" name="Freeform 14">
            <a:extLst>
              <a:ext uri="{FF2B5EF4-FFF2-40B4-BE49-F238E27FC236}">
                <a16:creationId xmlns:a16="http://schemas.microsoft.com/office/drawing/2014/main" id="{F2E07A96-8A37-B7C0-A8D1-2F846EB40B0C}"/>
              </a:ext>
            </a:extLst>
          </p:cNvPr>
          <p:cNvSpPr>
            <a:spLocks noChangeAspect="1"/>
          </p:cNvSpPr>
          <p:nvPr/>
        </p:nvSpPr>
        <p:spPr bwMode="auto">
          <a:xfrm>
            <a:off x="7231268" y="2801217"/>
            <a:ext cx="1427682" cy="1255278"/>
          </a:xfrm>
          <a:prstGeom prst="hexagon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</p:spPr>
        <p:txBody>
          <a:bodyPr lIns="0" tIns="0" rIns="0" bIns="0" anchor="ctr"/>
          <a:lstStyle/>
          <a:p>
            <a:pPr marL="0" indent="0" algn="ctr">
              <a:buNone/>
            </a:pPr>
            <a:r>
              <a:rPr lang="en-US" altLang="en-US" sz="1400">
                <a:solidFill>
                  <a:schemeClr val="bg1"/>
                </a:solidFill>
                <a:cs typeface="Arial" charset="0"/>
              </a:rPr>
              <a:t>Spatial</a:t>
            </a:r>
            <a:br>
              <a:rPr lang="en-US" altLang="en-US" sz="1400">
                <a:solidFill>
                  <a:schemeClr val="bg1"/>
                </a:solidFill>
                <a:cs typeface="Arial" charset="0"/>
              </a:rPr>
            </a:br>
            <a:r>
              <a:rPr lang="en-US" altLang="en-US" sz="1400">
                <a:solidFill>
                  <a:schemeClr val="bg1"/>
                </a:solidFill>
                <a:cs typeface="Arial" charset="0"/>
              </a:rPr>
              <a:t>Safety</a:t>
            </a:r>
          </a:p>
        </p:txBody>
      </p:sp>
      <p:sp>
        <p:nvSpPr>
          <p:cNvPr id="16" name="Freeform 14">
            <a:extLst>
              <a:ext uri="{FF2B5EF4-FFF2-40B4-BE49-F238E27FC236}">
                <a16:creationId xmlns:a16="http://schemas.microsoft.com/office/drawing/2014/main" id="{6FD5E6C1-868B-F770-F42E-FEE93F2FA1B8}"/>
              </a:ext>
            </a:extLst>
          </p:cNvPr>
          <p:cNvSpPr>
            <a:spLocks noChangeAspect="1"/>
          </p:cNvSpPr>
          <p:nvPr/>
        </p:nvSpPr>
        <p:spPr bwMode="auto">
          <a:xfrm>
            <a:off x="7231268" y="4113488"/>
            <a:ext cx="1427682" cy="1255277"/>
          </a:xfrm>
          <a:prstGeom prst="hexagon">
            <a:avLst/>
          </a:prstGeom>
          <a:solidFill>
            <a:schemeClr val="accent3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</p:spPr>
        <p:txBody>
          <a:bodyPr lIns="0" tIns="0" rIns="0" bIns="0" anchor="ctr"/>
          <a:lstStyle>
            <a:lvl1pPr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950" indent="-28575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30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2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400" indent="-228600" eaLnBrk="0" hangingPunct="0"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000"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marL="0" indent="0" algn="ctr">
              <a:buNone/>
            </a:pPr>
            <a:r>
              <a:rPr lang="en-US" altLang="en-US" sz="1400">
                <a:solidFill>
                  <a:schemeClr val="bg1"/>
                </a:solidFill>
              </a:rPr>
              <a:t>Initialization</a:t>
            </a:r>
            <a:br>
              <a:rPr lang="en-US" altLang="en-US" sz="1400">
                <a:solidFill>
                  <a:schemeClr val="bg1"/>
                </a:solidFill>
              </a:rPr>
            </a:br>
            <a:r>
              <a:rPr lang="en-US" altLang="en-US" sz="1400">
                <a:solidFill>
                  <a:schemeClr val="bg1"/>
                </a:solidFill>
              </a:rPr>
              <a:t>Safety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C87014A-A482-FAF0-F968-25789AE20E17}"/>
              </a:ext>
            </a:extLst>
          </p:cNvPr>
          <p:cNvSpPr txBox="1"/>
          <p:nvPr/>
        </p:nvSpPr>
        <p:spPr>
          <a:xfrm>
            <a:off x="5942821" y="6424234"/>
            <a:ext cx="6070710" cy="295776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[1]  J. Woodruff et al., </a:t>
            </a:r>
            <a:r>
              <a:rPr kumimoji="0" lang="en-US" sz="1200" b="0" i="1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  <a:hlinkClick r:id="rId2"/>
              </a:rPr>
              <a:t>The CHERI capability model: Revisiting RISC in an age of risk</a:t>
            </a: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,  ISCA 2014</a:t>
            </a:r>
          </a:p>
        </p:txBody>
      </p:sp>
    </p:spTree>
    <p:extLst>
      <p:ext uri="{BB962C8B-B14F-4D97-AF65-F5344CB8AC3E}">
        <p14:creationId xmlns:p14="http://schemas.microsoft.com/office/powerpoint/2010/main" val="7302126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8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Rot by="21600000">
                                      <p:cBhvr>
                                        <p:cTn id="6" dur="2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r</p:attrName>
                                        </p:attrNameLst>
                                      </p:cBhvr>
                                    </p:animRo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F811EFB8-BEDF-74F2-93A0-8301B21513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Background: Initialization Safety 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8497A597-97D9-8976-5243-2E46590B8D11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 algn="l">
              <a:buNone/>
            </a:pPr>
            <a:r>
              <a:rPr lang="en-US" sz="1800">
                <a:solidFill>
                  <a:srgbClr val="000000"/>
                </a:solidFill>
                <a:latin typeface="+mn-lt"/>
              </a:rPr>
              <a:t>Variables that are declared but not given a specific value — a common source of defects in C and C++</a:t>
            </a:r>
          </a:p>
          <a:p>
            <a:pPr marL="285750" lvl="2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i="1">
                <a:solidFill>
                  <a:srgbClr val="000000"/>
                </a:solidFill>
                <a:latin typeface="+mn-lt"/>
              </a:rPr>
              <a:t>Can lead to subtle, difficult to debug, non-deterministic bugs</a:t>
            </a:r>
          </a:p>
          <a:p>
            <a:pPr marL="285750" lvl="2" indent="-285750"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i="1">
                <a:solidFill>
                  <a:srgbClr val="000000"/>
                </a:solidFill>
                <a:latin typeface="+mn-lt"/>
              </a:rPr>
              <a:t>Security issues, if deallocated sensitive data is leaked</a:t>
            </a:r>
          </a:p>
          <a:p>
            <a:endParaRPr lang="en-US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7449DD-1CCB-D5A0-0951-08AEA3DE820A}"/>
              </a:ext>
            </a:extLst>
          </p:cNvPr>
          <p:cNvSpPr>
            <a:spLocks noGrp="1"/>
          </p:cNvSpPr>
          <p:nvPr>
            <p:ph sz="quarter" idx="3"/>
          </p:nvPr>
        </p:nvSpPr>
        <p:spPr/>
        <p:txBody>
          <a:bodyPr/>
          <a:lstStyle/>
          <a:p>
            <a:pPr marL="0" indent="0" algn="ctr">
              <a:buNone/>
            </a:pPr>
            <a:endParaRPr lang="en-US">
              <a:solidFill>
                <a:schemeClr val="accent6"/>
              </a:solidFill>
              <a:latin typeface="+mn-lt"/>
            </a:endParaRPr>
          </a:p>
          <a:p>
            <a:pPr marL="0" indent="0" algn="ctr">
              <a:buNone/>
            </a:pPr>
            <a:r>
              <a:rPr lang="en-US" b="1">
                <a:solidFill>
                  <a:schemeClr val="accent6"/>
                </a:solidFill>
                <a:latin typeface="+mn-lt"/>
              </a:rPr>
              <a:t>U</a:t>
            </a:r>
            <a:r>
              <a:rPr lang="en-US" b="1">
                <a:solidFill>
                  <a:schemeClr val="accent6"/>
                </a:solidFill>
                <a:effectLst/>
                <a:latin typeface="+mn-lt"/>
              </a:rPr>
              <a:t>se-before-initialized conditions</a:t>
            </a:r>
            <a:r>
              <a:rPr lang="en-US" b="1">
                <a:solidFill>
                  <a:srgbClr val="000000"/>
                </a:solidFill>
                <a:effectLst/>
                <a:latin typeface="+mn-lt"/>
              </a:rPr>
              <a:t> </a:t>
            </a:r>
            <a:r>
              <a:rPr lang="en-US" b="0">
                <a:solidFill>
                  <a:srgbClr val="000000"/>
                </a:solidFill>
                <a:effectLst/>
                <a:latin typeface="+mn-lt"/>
              </a:rPr>
              <a:t>the </a:t>
            </a:r>
            <a:r>
              <a:rPr lang="en-US">
                <a:solidFill>
                  <a:srgbClr val="000000"/>
                </a:solidFill>
                <a:latin typeface="+mn-lt"/>
              </a:rPr>
              <a:t>fourth</a:t>
            </a:r>
            <a:r>
              <a:rPr lang="en-US" b="0">
                <a:solidFill>
                  <a:srgbClr val="000000"/>
                </a:solidFill>
                <a:effectLst/>
                <a:latin typeface="+mn-lt"/>
              </a:rPr>
              <a:t> largest class of memory-safety vulnerabilities (~10~%)</a:t>
            </a:r>
            <a:endParaRPr lang="en-US"/>
          </a:p>
        </p:txBody>
      </p:sp>
      <p:sp>
        <p:nvSpPr>
          <p:cNvPr id="8" name="Rectangle: Rounded Corners 7">
            <a:extLst>
              <a:ext uri="{FF2B5EF4-FFF2-40B4-BE49-F238E27FC236}">
                <a16:creationId xmlns:a16="http://schemas.microsoft.com/office/drawing/2014/main" id="{C7AFFB63-74C7-B8E2-AF76-D1DB14E6EB82}"/>
              </a:ext>
            </a:extLst>
          </p:cNvPr>
          <p:cNvSpPr/>
          <p:nvPr/>
        </p:nvSpPr>
        <p:spPr>
          <a:xfrm>
            <a:off x="479425" y="3415982"/>
            <a:ext cx="11233150" cy="2632710"/>
          </a:xfrm>
          <a:prstGeom prst="roundRect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Bef>
                <a:spcPts val="800"/>
              </a:spcBef>
            </a:pPr>
            <a:r>
              <a:rPr lang="en-US">
                <a:ln>
                  <a:solidFill>
                    <a:schemeClr val="bg1"/>
                  </a:solidFill>
                </a:ln>
              </a:rPr>
              <a:t>Memory-safety vulnerabilities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23B6E6B6-9856-55EA-B7CD-F814D31EFE71}"/>
              </a:ext>
            </a:extLst>
          </p:cNvPr>
          <p:cNvSpPr/>
          <p:nvPr/>
        </p:nvSpPr>
        <p:spPr>
          <a:xfrm>
            <a:off x="618096" y="3926522"/>
            <a:ext cx="6618311" cy="2049938"/>
          </a:xfrm>
          <a:prstGeom prst="round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Bef>
                <a:spcPts val="800"/>
              </a:spcBef>
            </a:pPr>
            <a:r>
              <a:rPr lang="en-US">
                <a:ln>
                  <a:solidFill>
                    <a:schemeClr val="bg1"/>
                  </a:solidFill>
                </a:ln>
              </a:rPr>
              <a:t>Addressed by Mon CHÉRI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FDE3DD7F-E4A3-C457-21B5-590C81D593C6}"/>
              </a:ext>
            </a:extLst>
          </p:cNvPr>
          <p:cNvSpPr/>
          <p:nvPr/>
        </p:nvSpPr>
        <p:spPr>
          <a:xfrm>
            <a:off x="7276825" y="4917122"/>
            <a:ext cx="2093473" cy="89154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US">
                <a:solidFill>
                  <a:schemeClr val="tx1"/>
                </a:solidFill>
              </a:rPr>
              <a:t>Type safety</a:t>
            </a:r>
            <a:br>
              <a:rPr lang="en-US">
                <a:solidFill>
                  <a:schemeClr val="tx1"/>
                </a:solidFill>
              </a:rPr>
            </a:br>
            <a:r>
              <a:rPr lang="en-US">
                <a:solidFill>
                  <a:schemeClr val="tx1"/>
                </a:solidFill>
              </a:rPr>
              <a:t>14%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98959CFF-BA0B-AEA9-5FD0-325B4B3469E0}"/>
              </a:ext>
            </a:extLst>
          </p:cNvPr>
          <p:cNvSpPr/>
          <p:nvPr/>
        </p:nvSpPr>
        <p:spPr>
          <a:xfrm>
            <a:off x="5102517" y="4917122"/>
            <a:ext cx="2093473" cy="89154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US">
                <a:solidFill>
                  <a:schemeClr val="tx1"/>
                </a:solidFill>
              </a:rPr>
              <a:t>Initialization safety</a:t>
            </a:r>
            <a:br>
              <a:rPr lang="en-US">
                <a:solidFill>
                  <a:schemeClr val="tx1"/>
                </a:solidFill>
              </a:rPr>
            </a:br>
            <a:r>
              <a:rPr lang="en-US">
                <a:solidFill>
                  <a:schemeClr val="tx1"/>
                </a:solidFill>
              </a:rPr>
              <a:t>10%</a:t>
            </a: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832EE906-3B9B-7706-326F-E7F514392C11}"/>
              </a:ext>
            </a:extLst>
          </p:cNvPr>
          <p:cNvSpPr/>
          <p:nvPr/>
        </p:nvSpPr>
        <p:spPr>
          <a:xfrm>
            <a:off x="9451134" y="4917122"/>
            <a:ext cx="2093473" cy="89154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US">
                <a:solidFill>
                  <a:schemeClr val="tx1"/>
                </a:solidFill>
              </a:rPr>
              <a:t>Other</a:t>
            </a:r>
            <a:br>
              <a:rPr lang="en-US">
                <a:solidFill>
                  <a:schemeClr val="tx1"/>
                </a:solidFill>
              </a:rPr>
            </a:br>
            <a:r>
              <a:rPr lang="en-US">
                <a:solidFill>
                  <a:schemeClr val="tx1"/>
                </a:solidFill>
              </a:rPr>
              <a:t>3%</a:t>
            </a:r>
          </a:p>
        </p:txBody>
      </p: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id="{4CD51366-6EB2-413B-1EF7-C30C5BA90FA6}"/>
              </a:ext>
            </a:extLst>
          </p:cNvPr>
          <p:cNvSpPr/>
          <p:nvPr/>
        </p:nvSpPr>
        <p:spPr>
          <a:xfrm>
            <a:off x="709248" y="4437062"/>
            <a:ext cx="4378385" cy="1488122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Bef>
                <a:spcPts val="800"/>
              </a:spcBef>
            </a:pPr>
            <a:r>
              <a:rPr lang="en-US">
                <a:ln>
                  <a:solidFill>
                    <a:schemeClr val="bg1"/>
                  </a:solidFill>
                </a:ln>
              </a:rPr>
              <a:t>Addressed by CHERI</a:t>
            </a: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6D2547A5-0609-662B-8469-F9A10117CB0A}"/>
              </a:ext>
            </a:extLst>
          </p:cNvPr>
          <p:cNvSpPr/>
          <p:nvPr/>
        </p:nvSpPr>
        <p:spPr>
          <a:xfrm>
            <a:off x="753904" y="4917122"/>
            <a:ext cx="2093473" cy="89154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US">
                <a:solidFill>
                  <a:schemeClr val="tx1"/>
                </a:solidFill>
              </a:rPr>
              <a:t>Spatial safety</a:t>
            </a:r>
            <a:br>
              <a:rPr lang="en-US">
                <a:solidFill>
                  <a:schemeClr val="tx1"/>
                </a:solidFill>
              </a:rPr>
            </a:br>
            <a:r>
              <a:rPr lang="en-US">
                <a:solidFill>
                  <a:schemeClr val="tx1"/>
                </a:solidFill>
              </a:rPr>
              <a:t>44%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C9BBB917-6505-A315-F2C2-C54FB0D87136}"/>
              </a:ext>
            </a:extLst>
          </p:cNvPr>
          <p:cNvSpPr/>
          <p:nvPr/>
        </p:nvSpPr>
        <p:spPr>
          <a:xfrm>
            <a:off x="2928211" y="4917122"/>
            <a:ext cx="2093473" cy="89154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Bef>
                <a:spcPts val="800"/>
              </a:spcBef>
            </a:pPr>
            <a:r>
              <a:rPr lang="en-US">
                <a:solidFill>
                  <a:schemeClr val="tx1"/>
                </a:solidFill>
              </a:rPr>
              <a:t>Temporal safety</a:t>
            </a:r>
            <a:br>
              <a:rPr lang="en-US">
                <a:solidFill>
                  <a:schemeClr val="tx1"/>
                </a:solidFill>
              </a:rPr>
            </a:br>
            <a:r>
              <a:rPr lang="en-US">
                <a:solidFill>
                  <a:schemeClr val="tx1"/>
                </a:solidFill>
              </a:rPr>
              <a:t>29%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06F80879-44C9-1211-3EC3-6061DEC311F8}"/>
              </a:ext>
            </a:extLst>
          </p:cNvPr>
          <p:cNvSpPr txBox="1"/>
          <p:nvPr/>
        </p:nvSpPr>
        <p:spPr>
          <a:xfrm>
            <a:off x="4762807" y="6398259"/>
            <a:ext cx="6781800" cy="321945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1400" kern="1000" spc="-30">
                <a:solidFill>
                  <a:schemeClr val="tx1"/>
                </a:solidFill>
                <a:latin typeface="+mn-lt"/>
                <a:ea typeface="+mn-ea"/>
                <a:cs typeface="+mn-cs"/>
              </a:rPr>
              <a:t>Vulnerability percentages based on </a:t>
            </a:r>
            <a:r>
              <a:rPr lang="en-US" sz="1400" kern="1000" spc="-30">
                <a:solidFill>
                  <a:schemeClr val="tx1"/>
                </a:solidFill>
                <a:latin typeface="+mn-lt"/>
                <a:ea typeface="+mn-ea"/>
                <a:cs typeface="+mn-cs"/>
                <a:hlinkClick r:id="rId2"/>
              </a:rPr>
              <a:t>2023 survey by Sutter </a:t>
            </a:r>
            <a:r>
              <a:rPr lang="en-US" sz="1400" kern="1000" spc="-3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n CVEs between 2015 – 2022.</a:t>
            </a:r>
            <a:endParaRPr kumimoji="0" lang="en-US" sz="14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3" name="Picture Placeholder 39">
            <a:extLst>
              <a:ext uri="{FF2B5EF4-FFF2-40B4-BE49-F238E27FC236}">
                <a16:creationId xmlns:a16="http://schemas.microsoft.com/office/drawing/2014/main" id="{2DF3A340-DF32-5298-7D20-ABFEC0F5C785}"/>
              </a:ext>
            </a:extLst>
          </p:cNvPr>
          <p:cNvPicPr>
            <a:picLocks noChangeAspect="1"/>
          </p:cNvPicPr>
          <p:nvPr/>
        </p:nvPicPr>
        <p:blipFill>
          <a:blip r:embed="rId3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5293722" y="4001107"/>
            <a:ext cx="393642" cy="393642"/>
          </a:xfrm>
          <a:prstGeom prst="rect">
            <a:avLst/>
          </a:prstGeom>
        </p:spPr>
      </p:pic>
      <p:pic>
        <p:nvPicPr>
          <p:cNvPr id="7" name="Picture Placeholder 39">
            <a:extLst>
              <a:ext uri="{FF2B5EF4-FFF2-40B4-BE49-F238E27FC236}">
                <a16:creationId xmlns:a16="http://schemas.microsoft.com/office/drawing/2014/main" id="{EC6B5FD6-3D3B-58E7-27F9-FD8562EBEEF1}"/>
              </a:ext>
            </a:extLst>
          </p:cNvPr>
          <p:cNvPicPr>
            <a:picLocks noChangeAspect="1"/>
          </p:cNvPicPr>
          <p:nvPr/>
        </p:nvPicPr>
        <p:blipFill>
          <a:blip r:embed="rId3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4025736" y="4472204"/>
            <a:ext cx="393642" cy="393642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DF04B888-5187-08F5-FC89-DDDF28CA3C43}"/>
              </a:ext>
            </a:extLst>
          </p:cNvPr>
          <p:cNvSpPr txBox="1"/>
          <p:nvPr/>
        </p:nvSpPr>
        <p:spPr>
          <a:xfrm>
            <a:off x="5320417" y="4086282"/>
            <a:ext cx="286775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900" b="1"/>
              <a:t>❤️</a:t>
            </a:r>
            <a:endParaRPr lang="en-US" sz="900"/>
          </a:p>
        </p:txBody>
      </p:sp>
    </p:spTree>
    <p:extLst>
      <p:ext uri="{BB962C8B-B14F-4D97-AF65-F5344CB8AC3E}">
        <p14:creationId xmlns:p14="http://schemas.microsoft.com/office/powerpoint/2010/main" val="14128246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3" grpId="0" animBg="1"/>
      <p:bldP spid="18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28A1DE-ACC0-A838-31C4-E9C4D17CAD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latin typeface="Ericsson Hilda Light" panose="00000400000000000000" pitchFamily="2" charset="0"/>
              </a:rPr>
              <a:t>Capability Hardware Enhanced RISC Instructions</a:t>
            </a:r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307E4DD-F548-8C63-B6B3-C3C8BA0772A2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9424" y="1744824"/>
            <a:ext cx="11221163" cy="4492463"/>
          </a:xfrm>
        </p:spPr>
        <p:txBody>
          <a:bodyPr/>
          <a:lstStyle/>
          <a:p>
            <a:pPr marL="0" indent="0">
              <a:buNone/>
            </a:pPr>
            <a:r>
              <a:rPr lang="en-US" sz="1800"/>
              <a:t>CHERI is an instruction-set extension which replaces conventional pointer with </a:t>
            </a:r>
            <a:r>
              <a:rPr lang="en-US" sz="1800" b="1">
                <a:solidFill>
                  <a:schemeClr val="accent1"/>
                </a:solidFill>
              </a:rPr>
              <a:t>capabilities</a:t>
            </a:r>
            <a:r>
              <a:rPr lang="en-US" sz="1800" b="1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en-US" sz="1800"/>
              <a:t>that enable </a:t>
            </a:r>
            <a:r>
              <a:rPr lang="en-US" sz="1800" b="1">
                <a:solidFill>
                  <a:schemeClr val="accent2"/>
                </a:solidFill>
              </a:rPr>
              <a:t>fine-grained memory protection</a:t>
            </a:r>
            <a:r>
              <a:rPr lang="en-US" sz="1800" b="1">
                <a:solidFill>
                  <a:srgbClr val="00B050"/>
                </a:solidFill>
              </a:rPr>
              <a:t> </a:t>
            </a:r>
            <a:r>
              <a:rPr lang="en-US" sz="1800"/>
              <a:t>against many currently widely exploited memory vulnerabilities: </a:t>
            </a:r>
          </a:p>
          <a:p>
            <a:r>
              <a:rPr lang="en-US" sz="1800"/>
              <a:t>buffer overflows, use-after-free, pointer injection, control-flow attacks</a:t>
            </a:r>
          </a:p>
          <a:p>
            <a:pPr marL="0" indent="0">
              <a:buNone/>
            </a:pPr>
            <a:endParaRPr 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250D9FD0-1148-D2E8-3356-77DB2894F7A1}"/>
              </a:ext>
            </a:extLst>
          </p:cNvPr>
          <p:cNvSpPr txBox="1"/>
          <p:nvPr/>
        </p:nvSpPr>
        <p:spPr>
          <a:xfrm>
            <a:off x="7959012" y="5924550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CDA7DD8-2CAF-0E5C-3E95-6CBF296D3F45}"/>
              </a:ext>
            </a:extLst>
          </p:cNvPr>
          <p:cNvSpPr txBox="1"/>
          <p:nvPr/>
        </p:nvSpPr>
        <p:spPr>
          <a:xfrm>
            <a:off x="6913984" y="5689600"/>
            <a:ext cx="914400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pic>
        <p:nvPicPr>
          <p:cNvPr id="69" name="Picture 68">
            <a:extLst>
              <a:ext uri="{FF2B5EF4-FFF2-40B4-BE49-F238E27FC236}">
                <a16:creationId xmlns:a16="http://schemas.microsoft.com/office/drawing/2014/main" id="{C9FCECBC-56BB-0EA3-F768-69F1B2240ED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2232" y="3223572"/>
            <a:ext cx="10693246" cy="24660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021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78A72A-2BA1-7506-943E-D4AD4FC6F7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Our Solution: Conditional Permiss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6CD512F-7A12-A1A9-5492-DDD5DDFC6FF5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69900" y="1844675"/>
            <a:ext cx="11233150" cy="3765550"/>
          </a:xfrm>
        </p:spPr>
        <p:txBody>
          <a:bodyPr/>
          <a:lstStyle/>
          <a:p>
            <a:pPr marL="0" indent="0">
              <a:buNone/>
            </a:pPr>
            <a:r>
              <a:rPr lang="en-US" b="1">
                <a:solidFill>
                  <a:schemeClr val="accent1"/>
                </a:solidFill>
              </a:rPr>
              <a:t>Conditional permissions </a:t>
            </a:r>
            <a:r>
              <a:rPr lang="en-US"/>
              <a:t>are permissions of the form:</a:t>
            </a:r>
          </a:p>
          <a:p>
            <a:pPr marL="0" indent="0" algn="ctr">
              <a:buNone/>
            </a:pPr>
            <a:r>
              <a:rPr lang="en-US"/>
              <a:t>𝑿 ⇒ 𝒴 	(“𝑿 before 𝒴”)</a:t>
            </a:r>
          </a:p>
          <a:p>
            <a:pPr marL="0" indent="0" algn="ctr">
              <a:buNone/>
            </a:pPr>
            <a:r>
              <a:rPr lang="en-US"/>
              <a:t>where permission 𝒴 is granted if operation 𝑿 occurs</a:t>
            </a:r>
          </a:p>
          <a:p>
            <a:pPr marL="0" indent="0">
              <a:buNone/>
            </a:pPr>
            <a:endParaRPr lang="en-US"/>
          </a:p>
          <a:p>
            <a:pPr marL="0" indent="0">
              <a:buNone/>
            </a:pPr>
            <a:r>
              <a:rPr lang="en-US"/>
              <a:t>On an architectural level (in RISC processors): </a:t>
            </a:r>
          </a:p>
          <a:p>
            <a:r>
              <a:rPr lang="en-US"/>
              <a:t>operations on memory are limited to </a:t>
            </a:r>
            <a:r>
              <a:rPr lang="en-US" b="1"/>
              <a:t>load</a:t>
            </a:r>
            <a:r>
              <a:rPr lang="en-US"/>
              <a:t>, </a:t>
            </a:r>
            <a:r>
              <a:rPr lang="en-US" b="1"/>
              <a:t>store</a:t>
            </a:r>
            <a:r>
              <a:rPr lang="en-US"/>
              <a:t> (and </a:t>
            </a:r>
            <a:r>
              <a:rPr lang="en-US" b="1"/>
              <a:t>execute</a:t>
            </a:r>
            <a:r>
              <a:rPr lang="en-US"/>
              <a:t>)</a:t>
            </a:r>
          </a:p>
          <a:p>
            <a:r>
              <a:rPr lang="en-US"/>
              <a:t>permissions on memory are limited to </a:t>
            </a:r>
            <a:r>
              <a:rPr lang="en-US" i="1"/>
              <a:t>read</a:t>
            </a:r>
            <a:r>
              <a:rPr lang="en-US"/>
              <a:t>, </a:t>
            </a:r>
            <a:r>
              <a:rPr lang="en-US" i="1"/>
              <a:t>write</a:t>
            </a:r>
            <a:r>
              <a:rPr lang="en-US"/>
              <a:t> (and </a:t>
            </a:r>
            <a:r>
              <a:rPr lang="en-US" i="1"/>
              <a:t>execute</a:t>
            </a:r>
            <a:r>
              <a:rPr lang="en-US"/>
              <a:t>)</a:t>
            </a:r>
          </a:p>
          <a:p>
            <a:pPr marL="0" indent="0">
              <a:spcBef>
                <a:spcPts val="1800"/>
              </a:spcBef>
              <a:buNone/>
            </a:pPr>
            <a:r>
              <a:rPr lang="en-US" b="1">
                <a:solidFill>
                  <a:schemeClr val="accent1"/>
                </a:solidFill>
                <a:cs typeface="Courier New" panose="02070309020205020404" pitchFamily="49" charset="0"/>
              </a:rPr>
              <a:t>Write-before-read</a:t>
            </a:r>
            <a:r>
              <a:rPr lang="en-US">
                <a:solidFill>
                  <a:schemeClr val="accent1"/>
                </a:solidFill>
              </a:rPr>
              <a:t> </a:t>
            </a:r>
            <a:r>
              <a:rPr lang="en-US"/>
              <a:t>permissions are enforced by ensuring the </a:t>
            </a:r>
            <a:r>
              <a:rPr lang="en-US" i="1"/>
              <a:t>read</a:t>
            </a:r>
            <a:r>
              <a:rPr lang="en-US"/>
              <a:t> permissions of a capability is granted after the capability is used in (at least one) </a:t>
            </a:r>
            <a:r>
              <a:rPr lang="en-US" b="1"/>
              <a:t>store </a:t>
            </a:r>
            <a:r>
              <a:rPr lang="en-US"/>
              <a:t>operation using that capability </a:t>
            </a:r>
          </a:p>
        </p:txBody>
      </p:sp>
    </p:spTree>
    <p:extLst>
      <p:ext uri="{BB962C8B-B14F-4D97-AF65-F5344CB8AC3E}">
        <p14:creationId xmlns:p14="http://schemas.microsoft.com/office/powerpoint/2010/main" val="25739476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28BBE29-EABE-44CB-B6D9-7B2756C55A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476250"/>
            <a:ext cx="8353425" cy="1081088"/>
          </a:xfrm>
        </p:spPr>
        <p:txBody>
          <a:bodyPr/>
          <a:lstStyle/>
          <a:p>
            <a:r>
              <a:rPr lang="en-US"/>
              <a:t>Challenges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BB032EF-C7F9-E8CE-36F6-37D8B5DD8ED4}"/>
              </a:ext>
            </a:extLst>
          </p:cNvPr>
          <p:cNvSpPr txBox="1">
            <a:spLocks/>
          </p:cNvSpPr>
          <p:nvPr/>
        </p:nvSpPr>
        <p:spPr bwMode="auto">
          <a:xfrm>
            <a:off x="503308" y="5156616"/>
            <a:ext cx="3383280" cy="107849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r>
              <a:rPr kumimoji="0" lang="en-US" sz="240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How to track conditional permissions for larger areas of memory?</a:t>
            </a:r>
          </a:p>
        </p:txBody>
      </p:sp>
      <p:sp>
        <p:nvSpPr>
          <p:cNvPr id="57" name="Oval 56">
            <a:extLst>
              <a:ext uri="{FF2B5EF4-FFF2-40B4-BE49-F238E27FC236}">
                <a16:creationId xmlns:a16="http://schemas.microsoft.com/office/drawing/2014/main" id="{7B77CB51-694B-CCA5-B5D7-E2BDF844A0D4}"/>
              </a:ext>
            </a:extLst>
          </p:cNvPr>
          <p:cNvSpPr>
            <a:spLocks/>
          </p:cNvSpPr>
          <p:nvPr/>
        </p:nvSpPr>
        <p:spPr bwMode="auto">
          <a:xfrm>
            <a:off x="503308" y="1552443"/>
            <a:ext cx="3383280" cy="3383280"/>
          </a:xfrm>
          <a:prstGeom prst="ellipse">
            <a:avLst/>
          </a:prstGeom>
          <a:solidFill>
            <a:srgbClr val="1174E6"/>
          </a:solidFill>
          <a:ln w="2857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0" tIns="36000" rIns="0" bIns="36000" numCol="1" spcCol="0" rtlCol="0" fromWordArt="0" anchor="b" anchorCtr="1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2800">
              <a:solidFill>
                <a:srgbClr val="FFFFFF"/>
              </a:solidFill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2800">
              <a:solidFill>
                <a:srgbClr val="FFFFFF"/>
              </a:solidFill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2800">
              <a:solidFill>
                <a:srgbClr val="FFFFFF"/>
              </a:solidFill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2800">
              <a:solidFill>
                <a:srgbClr val="FFFFFF"/>
              </a:solidFill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2800">
              <a:solidFill>
                <a:srgbClr val="FFFFFF"/>
              </a:solidFill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</a:endParaRP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Store “</a:t>
            </a:r>
            <a:r>
              <a:rPr lang="en-US" sz="2800">
                <a:solidFill>
                  <a:srgbClr val="FFFFFF"/>
                </a:solidFill>
                <a:latin typeface="Ericsson Hilda Light"/>
              </a:rPr>
              <a:t>operation </a:t>
            </a:r>
            <a:r>
              <a:rPr kumimoji="0" lang="en-US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bound” for written area and update it each stor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09015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7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1E09B850-BDA6-8DCC-C36D-DC21CA608520}"/>
              </a:ext>
            </a:extLst>
          </p:cNvPr>
          <p:cNvCxnSpPr>
            <a:cxnSpLocks/>
          </p:cNvCxnSpPr>
          <p:nvPr/>
        </p:nvCxnSpPr>
        <p:spPr bwMode="auto">
          <a:xfrm>
            <a:off x="6692845" y="2245555"/>
            <a:ext cx="7746" cy="3355976"/>
          </a:xfrm>
          <a:prstGeom prst="line">
            <a:avLst/>
          </a:prstGeom>
          <a:noFill/>
          <a:ln w="25400" algn="ctr">
            <a:solidFill>
              <a:srgbClr val="7F7F7F"/>
            </a:solidFill>
            <a:prstDash val="sys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F945ECC7-6851-F52C-DD01-D551B7CB4692}"/>
              </a:ext>
            </a:extLst>
          </p:cNvPr>
          <p:cNvCxnSpPr>
            <a:cxnSpLocks/>
          </p:cNvCxnSpPr>
          <p:nvPr/>
        </p:nvCxnSpPr>
        <p:spPr bwMode="auto">
          <a:xfrm>
            <a:off x="11096164" y="2245555"/>
            <a:ext cx="13893" cy="3355976"/>
          </a:xfrm>
          <a:prstGeom prst="line">
            <a:avLst/>
          </a:prstGeom>
          <a:noFill/>
          <a:ln w="25400" algn="ctr">
            <a:solidFill>
              <a:srgbClr val="7F7F7F"/>
            </a:solidFill>
            <a:prstDash val="sysDash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2" name="Title 1">
            <a:extLst>
              <a:ext uri="{FF2B5EF4-FFF2-40B4-BE49-F238E27FC236}">
                <a16:creationId xmlns:a16="http://schemas.microsoft.com/office/drawing/2014/main" id="{B8D00218-61FC-8C48-8A77-2D43E3E1D5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onditional Capabiliti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CD8FB6B-6E11-D8D8-0A46-6D58B4CE4602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479425" y="1844675"/>
            <a:ext cx="8353426" cy="1043248"/>
          </a:xfrm>
        </p:spPr>
        <p:txBody>
          <a:bodyPr/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None/>
              <a:tabLst/>
            </a:pPr>
            <a:r>
              <a:rPr kumimoji="0" lang="en-US" sz="200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Operation bounds </a:t>
            </a:r>
            <a:r>
              <a:rPr lang="en-US">
                <a:latin typeface="Ericsson Hilda"/>
              </a:rPr>
              <a:t>are updated by hardware in response to </a:t>
            </a:r>
            <a:r>
              <a:rPr lang="en-US"/>
              <a:t>𝑿 operations</a:t>
            </a:r>
          </a:p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>
                <a:schemeClr val="tx1"/>
              </a:buClr>
              <a:buSzTx/>
              <a:tabLst/>
            </a:pPr>
            <a:r>
              <a:rPr lang="en-US" sz="1800" b="1">
                <a:solidFill>
                  <a:schemeClr val="accent1"/>
                </a:solidFill>
                <a:cs typeface="Courier New" panose="02070309020205020404" pitchFamily="49" charset="0"/>
              </a:rPr>
              <a:t>Write-before-read</a:t>
            </a:r>
            <a:r>
              <a:rPr lang="en-US" sz="1800">
                <a:cs typeface="Courier New" panose="02070309020205020404" pitchFamily="49" charset="0"/>
              </a:rPr>
              <a:t> update</a:t>
            </a:r>
            <a:r>
              <a:rPr lang="en-US" sz="1800">
                <a:latin typeface="Ericsson Hilda"/>
              </a:rPr>
              <a:t> trigged on adjacent write</a:t>
            </a:r>
            <a:endParaRPr kumimoji="0" lang="en-US" sz="180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cxnSp>
        <p:nvCxnSpPr>
          <p:cNvPr id="4" name="Operation bound #1">
            <a:extLst>
              <a:ext uri="{FF2B5EF4-FFF2-40B4-BE49-F238E27FC236}">
                <a16:creationId xmlns:a16="http://schemas.microsoft.com/office/drawing/2014/main" id="{B990B087-4601-92C2-6FFA-2BFF2FFF0210}"/>
              </a:ext>
            </a:extLst>
          </p:cNvPr>
          <p:cNvCxnSpPr>
            <a:cxnSpLocks/>
          </p:cNvCxnSpPr>
          <p:nvPr/>
        </p:nvCxnSpPr>
        <p:spPr bwMode="auto">
          <a:xfrm flipH="1">
            <a:off x="11122127" y="4366260"/>
            <a:ext cx="158428" cy="59"/>
          </a:xfrm>
          <a:prstGeom prst="straightConnector1">
            <a:avLst/>
          </a:prstGeom>
          <a:noFill/>
          <a:ln w="12700" algn="ctr">
            <a:solidFill>
              <a:srgbClr val="595959"/>
            </a:solidFill>
            <a:miter lim="800000"/>
            <a:headEnd/>
            <a:tailEnd type="triangle" w="sm" len="sm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7" name="Group 6">
            <a:extLst>
              <a:ext uri="{FF2B5EF4-FFF2-40B4-BE49-F238E27FC236}">
                <a16:creationId xmlns:a16="http://schemas.microsoft.com/office/drawing/2014/main" id="{47AA0405-5AAE-7A3B-1217-438BD79E5B31}"/>
              </a:ext>
            </a:extLst>
          </p:cNvPr>
          <p:cNvGrpSpPr>
            <a:grpSpLocks/>
          </p:cNvGrpSpPr>
          <p:nvPr/>
        </p:nvGrpSpPr>
        <p:grpSpPr bwMode="auto">
          <a:xfrm rot="10800000">
            <a:off x="6694047" y="5101973"/>
            <a:ext cx="4428743" cy="617968"/>
            <a:chOff x="1118447" y="3518569"/>
            <a:chExt cx="1749436" cy="210171"/>
          </a:xfrm>
        </p:grpSpPr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512ECE36-3B16-783B-E8D6-6BBFDE22CDAE}"/>
                </a:ext>
              </a:extLst>
            </p:cNvPr>
            <p:cNvSpPr/>
            <p:nvPr/>
          </p:nvSpPr>
          <p:spPr>
            <a:xfrm>
              <a:off x="1118447" y="3518569"/>
              <a:ext cx="1749436" cy="210171"/>
            </a:xfrm>
            <a:custGeom>
              <a:avLst/>
              <a:gdLst>
                <a:gd name="connsiteX0" fmla="*/ 1748755 w 1749059"/>
                <a:gd name="connsiteY0" fmla="*/ 221003 h 321915"/>
                <a:gd name="connsiteX1" fmla="*/ 1749059 w 1749059"/>
                <a:gd name="connsiteY1" fmla="*/ 221003 h 321915"/>
                <a:gd name="connsiteX2" fmla="*/ 1749059 w 1749059"/>
                <a:gd name="connsiteY2" fmla="*/ 232890 h 321915"/>
                <a:gd name="connsiteX3" fmla="*/ 0 w 1749059"/>
                <a:gd name="connsiteY3" fmla="*/ 0 h 321915"/>
                <a:gd name="connsiteX4" fmla="*/ 22982 w 1749059"/>
                <a:gd name="connsiteY4" fmla="*/ 0 h 321915"/>
                <a:gd name="connsiteX5" fmla="*/ 104726 w 1749059"/>
                <a:gd name="connsiteY5" fmla="*/ 38801 h 321915"/>
                <a:gd name="connsiteX6" fmla="*/ 248952 w 1749059"/>
                <a:gd name="connsiteY6" fmla="*/ 73575 h 321915"/>
                <a:gd name="connsiteX7" fmla="*/ 708559 w 1749059"/>
                <a:gd name="connsiteY7" fmla="*/ 78403 h 321915"/>
                <a:gd name="connsiteX8" fmla="*/ 1104332 w 1749059"/>
                <a:gd name="connsiteY8" fmla="*/ 189440 h 321915"/>
                <a:gd name="connsiteX9" fmla="*/ 1493722 w 1749059"/>
                <a:gd name="connsiteY9" fmla="*/ 191854 h 321915"/>
                <a:gd name="connsiteX10" fmla="*/ 1749059 w 1749059"/>
                <a:gd name="connsiteY10" fmla="*/ 232890 h 321915"/>
                <a:gd name="connsiteX11" fmla="*/ 1749059 w 1749059"/>
                <a:gd name="connsiteY11" fmla="*/ 321915 h 321915"/>
                <a:gd name="connsiteX12" fmla="*/ 0 w 1749059"/>
                <a:gd name="connsiteY12" fmla="*/ 321915 h 3219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749059" h="321915">
                  <a:moveTo>
                    <a:pt x="1748755" y="221003"/>
                  </a:moveTo>
                  <a:lnTo>
                    <a:pt x="1749059" y="221003"/>
                  </a:lnTo>
                  <a:lnTo>
                    <a:pt x="1749059" y="232890"/>
                  </a:lnTo>
                  <a:close/>
                  <a:moveTo>
                    <a:pt x="0" y="0"/>
                  </a:moveTo>
                  <a:lnTo>
                    <a:pt x="22982" y="0"/>
                  </a:lnTo>
                  <a:lnTo>
                    <a:pt x="104726" y="38801"/>
                  </a:lnTo>
                  <a:cubicBezTo>
                    <a:pt x="144024" y="53711"/>
                    <a:pt x="189905" y="66133"/>
                    <a:pt x="248952" y="73575"/>
                  </a:cubicBezTo>
                  <a:cubicBezTo>
                    <a:pt x="367046" y="88461"/>
                    <a:pt x="565996" y="59092"/>
                    <a:pt x="708559" y="78403"/>
                  </a:cubicBezTo>
                  <a:cubicBezTo>
                    <a:pt x="851123" y="97714"/>
                    <a:pt x="973472" y="170532"/>
                    <a:pt x="1104332" y="189440"/>
                  </a:cubicBezTo>
                  <a:cubicBezTo>
                    <a:pt x="1235193" y="208349"/>
                    <a:pt x="1386267" y="184612"/>
                    <a:pt x="1493722" y="191854"/>
                  </a:cubicBezTo>
                  <a:cubicBezTo>
                    <a:pt x="1601177" y="199096"/>
                    <a:pt x="1692672" y="222027"/>
                    <a:pt x="1749059" y="232890"/>
                  </a:cubicBezTo>
                  <a:lnTo>
                    <a:pt x="1749059" y="321915"/>
                  </a:lnTo>
                  <a:lnTo>
                    <a:pt x="0" y="321915"/>
                  </a:lnTo>
                  <a:close/>
                </a:path>
              </a:pathLst>
            </a:custGeom>
            <a:solidFill>
              <a:srgbClr val="FFF2CC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45720" tIns="0" bIns="0"/>
            <a:lstStyle>
              <a:defPPr>
                <a:defRPr lang="fi-FI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9pPr>
            </a:lstStyle>
            <a:p>
              <a:pPr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1400" kern="0" baseline="-2500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endParaRPr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B2EBE730-3075-8C31-F6EF-611237C1C29E}"/>
                </a:ext>
              </a:extLst>
            </p:cNvPr>
            <p:cNvSpPr/>
            <p:nvPr/>
          </p:nvSpPr>
          <p:spPr>
            <a:xfrm>
              <a:off x="1118447" y="3518569"/>
              <a:ext cx="1749436" cy="159546"/>
            </a:xfrm>
            <a:custGeom>
              <a:avLst/>
              <a:gdLst>
                <a:gd name="connsiteX0" fmla="*/ 0 w 1739900"/>
                <a:gd name="connsiteY0" fmla="*/ 0 h 641350"/>
                <a:gd name="connsiteX1" fmla="*/ 247650 w 1739900"/>
                <a:gd name="connsiteY1" fmla="*/ 222250 h 641350"/>
                <a:gd name="connsiteX2" fmla="*/ 704850 w 1739900"/>
                <a:gd name="connsiteY2" fmla="*/ 234950 h 641350"/>
                <a:gd name="connsiteX3" fmla="*/ 1098550 w 1739900"/>
                <a:gd name="connsiteY3" fmla="*/ 527050 h 641350"/>
                <a:gd name="connsiteX4" fmla="*/ 1485900 w 1739900"/>
                <a:gd name="connsiteY4" fmla="*/ 533400 h 641350"/>
                <a:gd name="connsiteX5" fmla="*/ 1739900 w 1739900"/>
                <a:gd name="connsiteY5" fmla="*/ 641350 h 641350"/>
                <a:gd name="connsiteX0" fmla="*/ 0 w 1760393"/>
                <a:gd name="connsiteY0" fmla="*/ 0 h 650765"/>
                <a:gd name="connsiteX1" fmla="*/ 247650 w 1760393"/>
                <a:gd name="connsiteY1" fmla="*/ 222250 h 650765"/>
                <a:gd name="connsiteX2" fmla="*/ 704850 w 1760393"/>
                <a:gd name="connsiteY2" fmla="*/ 234950 h 650765"/>
                <a:gd name="connsiteX3" fmla="*/ 1098550 w 1760393"/>
                <a:gd name="connsiteY3" fmla="*/ 527050 h 650765"/>
                <a:gd name="connsiteX4" fmla="*/ 1485900 w 1760393"/>
                <a:gd name="connsiteY4" fmla="*/ 533400 h 650765"/>
                <a:gd name="connsiteX5" fmla="*/ 1739900 w 1760393"/>
                <a:gd name="connsiteY5" fmla="*/ 641350 h 650765"/>
                <a:gd name="connsiteX6" fmla="*/ 1745467 w 1760393"/>
                <a:gd name="connsiteY6" fmla="*/ 645838 h 650765"/>
                <a:gd name="connsiteX0" fmla="*/ 0 w 1897068"/>
                <a:gd name="connsiteY0" fmla="*/ 0 h 645377"/>
                <a:gd name="connsiteX1" fmla="*/ 247650 w 1897068"/>
                <a:gd name="connsiteY1" fmla="*/ 222250 h 645377"/>
                <a:gd name="connsiteX2" fmla="*/ 704850 w 1897068"/>
                <a:gd name="connsiteY2" fmla="*/ 234950 h 645377"/>
                <a:gd name="connsiteX3" fmla="*/ 1098550 w 1897068"/>
                <a:gd name="connsiteY3" fmla="*/ 527050 h 645377"/>
                <a:gd name="connsiteX4" fmla="*/ 1485900 w 1897068"/>
                <a:gd name="connsiteY4" fmla="*/ 533400 h 645377"/>
                <a:gd name="connsiteX5" fmla="*/ 1739900 w 1897068"/>
                <a:gd name="connsiteY5" fmla="*/ 641350 h 645377"/>
                <a:gd name="connsiteX6" fmla="*/ 1897068 w 1897068"/>
                <a:gd name="connsiteY6" fmla="*/ 608254 h 645377"/>
                <a:gd name="connsiteX0" fmla="*/ 0 w 1757930"/>
                <a:gd name="connsiteY0" fmla="*/ 30697 h 672420"/>
                <a:gd name="connsiteX1" fmla="*/ 247650 w 1757930"/>
                <a:gd name="connsiteY1" fmla="*/ 252947 h 672420"/>
                <a:gd name="connsiteX2" fmla="*/ 704850 w 1757930"/>
                <a:gd name="connsiteY2" fmla="*/ 265647 h 672420"/>
                <a:gd name="connsiteX3" fmla="*/ 1098550 w 1757930"/>
                <a:gd name="connsiteY3" fmla="*/ 557747 h 672420"/>
                <a:gd name="connsiteX4" fmla="*/ 1485900 w 1757930"/>
                <a:gd name="connsiteY4" fmla="*/ 564097 h 672420"/>
                <a:gd name="connsiteX5" fmla="*/ 1739900 w 1757930"/>
                <a:gd name="connsiteY5" fmla="*/ 672047 h 672420"/>
                <a:gd name="connsiteX6" fmla="*/ 1735991 w 1757930"/>
                <a:gd name="connsiteY6" fmla="*/ 0 h 672420"/>
                <a:gd name="connsiteX0" fmla="*/ 0 w 1755567"/>
                <a:gd name="connsiteY0" fmla="*/ 24431 h 666159"/>
                <a:gd name="connsiteX1" fmla="*/ 247650 w 1755567"/>
                <a:gd name="connsiteY1" fmla="*/ 246681 h 666159"/>
                <a:gd name="connsiteX2" fmla="*/ 704850 w 1755567"/>
                <a:gd name="connsiteY2" fmla="*/ 259381 h 666159"/>
                <a:gd name="connsiteX3" fmla="*/ 1098550 w 1755567"/>
                <a:gd name="connsiteY3" fmla="*/ 551481 h 666159"/>
                <a:gd name="connsiteX4" fmla="*/ 1485900 w 1755567"/>
                <a:gd name="connsiteY4" fmla="*/ 557831 h 666159"/>
                <a:gd name="connsiteX5" fmla="*/ 1739900 w 1755567"/>
                <a:gd name="connsiteY5" fmla="*/ 665781 h 666159"/>
                <a:gd name="connsiteX6" fmla="*/ 1724148 w 1755567"/>
                <a:gd name="connsiteY6" fmla="*/ 0 h 666159"/>
                <a:gd name="connsiteX0" fmla="*/ 0 w 1739900"/>
                <a:gd name="connsiteY0" fmla="*/ 24434 h 665783"/>
                <a:gd name="connsiteX1" fmla="*/ 247650 w 1739900"/>
                <a:gd name="connsiteY1" fmla="*/ 246684 h 665783"/>
                <a:gd name="connsiteX2" fmla="*/ 704850 w 1739900"/>
                <a:gd name="connsiteY2" fmla="*/ 259384 h 665783"/>
                <a:gd name="connsiteX3" fmla="*/ 1098550 w 1739900"/>
                <a:gd name="connsiteY3" fmla="*/ 551484 h 665783"/>
                <a:gd name="connsiteX4" fmla="*/ 1485900 w 1739900"/>
                <a:gd name="connsiteY4" fmla="*/ 557834 h 665783"/>
                <a:gd name="connsiteX5" fmla="*/ 1739900 w 1739900"/>
                <a:gd name="connsiteY5" fmla="*/ 665784 h 665783"/>
                <a:gd name="connsiteX6" fmla="*/ 1724148 w 1739900"/>
                <a:gd name="connsiteY6" fmla="*/ 3 h 665783"/>
                <a:gd name="connsiteX0" fmla="*/ 0 w 1739900"/>
                <a:gd name="connsiteY0" fmla="*/ 24434 h 665783"/>
                <a:gd name="connsiteX1" fmla="*/ 247650 w 1739900"/>
                <a:gd name="connsiteY1" fmla="*/ 246684 h 665783"/>
                <a:gd name="connsiteX2" fmla="*/ 704850 w 1739900"/>
                <a:gd name="connsiteY2" fmla="*/ 259384 h 665783"/>
                <a:gd name="connsiteX3" fmla="*/ 1098550 w 1739900"/>
                <a:gd name="connsiteY3" fmla="*/ 551484 h 665783"/>
                <a:gd name="connsiteX4" fmla="*/ 1485900 w 1739900"/>
                <a:gd name="connsiteY4" fmla="*/ 557834 h 665783"/>
                <a:gd name="connsiteX5" fmla="*/ 1739900 w 1739900"/>
                <a:gd name="connsiteY5" fmla="*/ 665784 h 665783"/>
                <a:gd name="connsiteX6" fmla="*/ 1733623 w 1739900"/>
                <a:gd name="connsiteY6" fmla="*/ 3 h 665783"/>
                <a:gd name="connsiteX0" fmla="*/ 0 w 1739900"/>
                <a:gd name="connsiteY0" fmla="*/ 30698 h 672047"/>
                <a:gd name="connsiteX1" fmla="*/ 247650 w 1739900"/>
                <a:gd name="connsiteY1" fmla="*/ 252948 h 672047"/>
                <a:gd name="connsiteX2" fmla="*/ 704850 w 1739900"/>
                <a:gd name="connsiteY2" fmla="*/ 265648 h 672047"/>
                <a:gd name="connsiteX3" fmla="*/ 1098550 w 1739900"/>
                <a:gd name="connsiteY3" fmla="*/ 557748 h 672047"/>
                <a:gd name="connsiteX4" fmla="*/ 1485900 w 1739900"/>
                <a:gd name="connsiteY4" fmla="*/ 564098 h 672047"/>
                <a:gd name="connsiteX5" fmla="*/ 1739900 w 1739900"/>
                <a:gd name="connsiteY5" fmla="*/ 672048 h 672047"/>
                <a:gd name="connsiteX6" fmla="*/ 1735992 w 1739900"/>
                <a:gd name="connsiteY6" fmla="*/ 3 h 672047"/>
                <a:gd name="connsiteX0" fmla="*/ 0 w 1739900"/>
                <a:gd name="connsiteY0" fmla="*/ 30698 h 672047"/>
                <a:gd name="connsiteX1" fmla="*/ 247650 w 1739900"/>
                <a:gd name="connsiteY1" fmla="*/ 252948 h 672047"/>
                <a:gd name="connsiteX2" fmla="*/ 704850 w 1739900"/>
                <a:gd name="connsiteY2" fmla="*/ 265648 h 672047"/>
                <a:gd name="connsiteX3" fmla="*/ 1098550 w 1739900"/>
                <a:gd name="connsiteY3" fmla="*/ 557748 h 672047"/>
                <a:gd name="connsiteX4" fmla="*/ 1485900 w 1739900"/>
                <a:gd name="connsiteY4" fmla="*/ 564098 h 672047"/>
                <a:gd name="connsiteX5" fmla="*/ 1739900 w 1739900"/>
                <a:gd name="connsiteY5" fmla="*/ 672048 h 672047"/>
                <a:gd name="connsiteX6" fmla="*/ 1735992 w 1739900"/>
                <a:gd name="connsiteY6" fmla="*/ 3 h 672047"/>
                <a:gd name="connsiteX0" fmla="*/ 0 w 1739900"/>
                <a:gd name="connsiteY0" fmla="*/ 43225 h 684574"/>
                <a:gd name="connsiteX1" fmla="*/ 247650 w 1739900"/>
                <a:gd name="connsiteY1" fmla="*/ 265475 h 684574"/>
                <a:gd name="connsiteX2" fmla="*/ 704850 w 1739900"/>
                <a:gd name="connsiteY2" fmla="*/ 278175 h 684574"/>
                <a:gd name="connsiteX3" fmla="*/ 1098550 w 1739900"/>
                <a:gd name="connsiteY3" fmla="*/ 570275 h 684574"/>
                <a:gd name="connsiteX4" fmla="*/ 1485900 w 1739900"/>
                <a:gd name="connsiteY4" fmla="*/ 576625 h 684574"/>
                <a:gd name="connsiteX5" fmla="*/ 1739900 w 1739900"/>
                <a:gd name="connsiteY5" fmla="*/ 684575 h 684574"/>
                <a:gd name="connsiteX6" fmla="*/ 1733623 w 1739900"/>
                <a:gd name="connsiteY6" fmla="*/ 2 h 684574"/>
                <a:gd name="connsiteX0" fmla="*/ 0 w 2020246"/>
                <a:gd name="connsiteY0" fmla="*/ 1 h 641350"/>
                <a:gd name="connsiteX1" fmla="*/ 247650 w 2020246"/>
                <a:gd name="connsiteY1" fmla="*/ 222251 h 641350"/>
                <a:gd name="connsiteX2" fmla="*/ 704850 w 2020246"/>
                <a:gd name="connsiteY2" fmla="*/ 234951 h 641350"/>
                <a:gd name="connsiteX3" fmla="*/ 1098550 w 2020246"/>
                <a:gd name="connsiteY3" fmla="*/ 527051 h 641350"/>
                <a:gd name="connsiteX4" fmla="*/ 1485900 w 2020246"/>
                <a:gd name="connsiteY4" fmla="*/ 533401 h 641350"/>
                <a:gd name="connsiteX5" fmla="*/ 1739900 w 2020246"/>
                <a:gd name="connsiteY5" fmla="*/ 641351 h 641350"/>
                <a:gd name="connsiteX6" fmla="*/ 2020246 w 2020246"/>
                <a:gd name="connsiteY6" fmla="*/ 420331 h 641350"/>
                <a:gd name="connsiteX0" fmla="*/ 0 w 1739900"/>
                <a:gd name="connsiteY0" fmla="*/ 30698 h 672047"/>
                <a:gd name="connsiteX1" fmla="*/ 247650 w 1739900"/>
                <a:gd name="connsiteY1" fmla="*/ 252948 h 672047"/>
                <a:gd name="connsiteX2" fmla="*/ 704850 w 1739900"/>
                <a:gd name="connsiteY2" fmla="*/ 265648 h 672047"/>
                <a:gd name="connsiteX3" fmla="*/ 1098550 w 1739900"/>
                <a:gd name="connsiteY3" fmla="*/ 557748 h 672047"/>
                <a:gd name="connsiteX4" fmla="*/ 1485900 w 1739900"/>
                <a:gd name="connsiteY4" fmla="*/ 564098 h 672047"/>
                <a:gd name="connsiteX5" fmla="*/ 1739900 w 1739900"/>
                <a:gd name="connsiteY5" fmla="*/ 672048 h 672047"/>
                <a:gd name="connsiteX6" fmla="*/ 1735993 w 1739900"/>
                <a:gd name="connsiteY6" fmla="*/ 3 h 672047"/>
                <a:gd name="connsiteX0" fmla="*/ 0 w 1739900"/>
                <a:gd name="connsiteY0" fmla="*/ 1 h 641350"/>
                <a:gd name="connsiteX1" fmla="*/ 247650 w 1739900"/>
                <a:gd name="connsiteY1" fmla="*/ 222251 h 641350"/>
                <a:gd name="connsiteX2" fmla="*/ 704850 w 1739900"/>
                <a:gd name="connsiteY2" fmla="*/ 234951 h 641350"/>
                <a:gd name="connsiteX3" fmla="*/ 1098550 w 1739900"/>
                <a:gd name="connsiteY3" fmla="*/ 527051 h 641350"/>
                <a:gd name="connsiteX4" fmla="*/ 1485900 w 1739900"/>
                <a:gd name="connsiteY4" fmla="*/ 533401 h 641350"/>
                <a:gd name="connsiteX5" fmla="*/ 1739900 w 1739900"/>
                <a:gd name="connsiteY5" fmla="*/ 641351 h 6413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739900" h="641350">
                  <a:moveTo>
                    <a:pt x="0" y="1"/>
                  </a:moveTo>
                  <a:cubicBezTo>
                    <a:pt x="65087" y="91547"/>
                    <a:pt x="130175" y="183093"/>
                    <a:pt x="247650" y="222251"/>
                  </a:cubicBezTo>
                  <a:cubicBezTo>
                    <a:pt x="365125" y="261409"/>
                    <a:pt x="563033" y="184151"/>
                    <a:pt x="704850" y="234951"/>
                  </a:cubicBezTo>
                  <a:cubicBezTo>
                    <a:pt x="846667" y="285751"/>
                    <a:pt x="968375" y="477309"/>
                    <a:pt x="1098550" y="527051"/>
                  </a:cubicBezTo>
                  <a:cubicBezTo>
                    <a:pt x="1228725" y="576793"/>
                    <a:pt x="1379008" y="514351"/>
                    <a:pt x="1485900" y="533401"/>
                  </a:cubicBezTo>
                  <a:cubicBezTo>
                    <a:pt x="1592792" y="552451"/>
                    <a:pt x="1683808" y="612776"/>
                    <a:pt x="1739900" y="641351"/>
                  </a:cubicBezTo>
                </a:path>
              </a:pathLst>
            </a:custGeom>
            <a:noFill/>
            <a:ln w="25400" cap="rnd" cmpd="sng" algn="ctr">
              <a:solidFill>
                <a:sysClr val="windowText" lastClr="000000"/>
              </a:solidFill>
              <a:prstDash val="solid"/>
              <a:miter lim="800000"/>
            </a:ln>
            <a:effectLst/>
          </p:spPr>
          <p:txBody>
            <a:bodyPr anchor="ctr"/>
            <a:lstStyle>
              <a:defPPr>
                <a:defRPr lang="fi-FI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9pPr>
            </a:lstStyle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1400" kern="0">
                <a:solidFill>
                  <a:prstClr val="white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endParaRPr>
            </a:p>
          </p:txBody>
        </p:sp>
      </p:grpSp>
      <p:sp>
        <p:nvSpPr>
          <p:cNvPr id="14" name="Rectangle 13">
            <a:extLst>
              <a:ext uri="{FF2B5EF4-FFF2-40B4-BE49-F238E27FC236}">
                <a16:creationId xmlns:a16="http://schemas.microsoft.com/office/drawing/2014/main" id="{5DFF120A-41F8-BA6B-4913-D37159F0D2C8}"/>
              </a:ext>
            </a:extLst>
          </p:cNvPr>
          <p:cNvSpPr/>
          <p:nvPr/>
        </p:nvSpPr>
        <p:spPr bwMode="auto">
          <a:xfrm>
            <a:off x="6692845" y="2842515"/>
            <a:ext cx="4422595" cy="2259458"/>
          </a:xfrm>
          <a:prstGeom prst="rect">
            <a:avLst/>
          </a:prstGeom>
          <a:solidFill>
            <a:srgbClr val="FFF2CC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>
              <a:solidFill>
                <a:schemeClr val="bg1"/>
              </a:solidFill>
              <a:latin typeface="+mn-lt"/>
            </a:endParaRPr>
          </a:p>
        </p:txBody>
      </p: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A3369266-763B-4A01-9B71-D8157F1F9447}"/>
              </a:ext>
            </a:extLst>
          </p:cNvPr>
          <p:cNvCxnSpPr>
            <a:cxnSpLocks/>
            <a:stCxn id="34" idx="1"/>
          </p:cNvCxnSpPr>
          <p:nvPr/>
        </p:nvCxnSpPr>
        <p:spPr bwMode="auto">
          <a:xfrm flipH="1">
            <a:off x="11122127" y="3142638"/>
            <a:ext cx="158428" cy="339"/>
          </a:xfrm>
          <a:prstGeom prst="straightConnector1">
            <a:avLst/>
          </a:prstGeom>
          <a:noFill/>
          <a:ln w="12700" algn="ctr">
            <a:solidFill>
              <a:srgbClr val="595959"/>
            </a:solidFill>
            <a:miter lim="800000"/>
            <a:headEnd/>
            <a:tailEnd type="triangle" w="sm" len="sm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24" name="Group 23">
            <a:extLst>
              <a:ext uri="{FF2B5EF4-FFF2-40B4-BE49-F238E27FC236}">
                <a16:creationId xmlns:a16="http://schemas.microsoft.com/office/drawing/2014/main" id="{A796BE6B-2FAA-EF83-32E7-82AF0D45B640}"/>
              </a:ext>
            </a:extLst>
          </p:cNvPr>
          <p:cNvGrpSpPr>
            <a:grpSpLocks/>
          </p:cNvGrpSpPr>
          <p:nvPr/>
        </p:nvGrpSpPr>
        <p:grpSpPr bwMode="auto">
          <a:xfrm>
            <a:off x="6682232" y="2230894"/>
            <a:ext cx="4454820" cy="632628"/>
            <a:chOff x="1121882" y="3555487"/>
            <a:chExt cx="1759737" cy="215157"/>
          </a:xfrm>
        </p:grpSpPr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5EF1CB27-EA85-E5BE-44E4-4F597213AE67}"/>
                </a:ext>
              </a:extLst>
            </p:cNvPr>
            <p:cNvSpPr/>
            <p:nvPr/>
          </p:nvSpPr>
          <p:spPr>
            <a:xfrm>
              <a:off x="1133163" y="3560472"/>
              <a:ext cx="1748456" cy="210172"/>
            </a:xfrm>
            <a:custGeom>
              <a:avLst/>
              <a:gdLst>
                <a:gd name="connsiteX0" fmla="*/ 1748755 w 1749059"/>
                <a:gd name="connsiteY0" fmla="*/ 221003 h 321915"/>
                <a:gd name="connsiteX1" fmla="*/ 1749059 w 1749059"/>
                <a:gd name="connsiteY1" fmla="*/ 221003 h 321915"/>
                <a:gd name="connsiteX2" fmla="*/ 1749059 w 1749059"/>
                <a:gd name="connsiteY2" fmla="*/ 232890 h 321915"/>
                <a:gd name="connsiteX3" fmla="*/ 0 w 1749059"/>
                <a:gd name="connsiteY3" fmla="*/ 0 h 321915"/>
                <a:gd name="connsiteX4" fmla="*/ 22982 w 1749059"/>
                <a:gd name="connsiteY4" fmla="*/ 0 h 321915"/>
                <a:gd name="connsiteX5" fmla="*/ 104726 w 1749059"/>
                <a:gd name="connsiteY5" fmla="*/ 38801 h 321915"/>
                <a:gd name="connsiteX6" fmla="*/ 248952 w 1749059"/>
                <a:gd name="connsiteY6" fmla="*/ 73575 h 321915"/>
                <a:gd name="connsiteX7" fmla="*/ 708559 w 1749059"/>
                <a:gd name="connsiteY7" fmla="*/ 78403 h 321915"/>
                <a:gd name="connsiteX8" fmla="*/ 1104332 w 1749059"/>
                <a:gd name="connsiteY8" fmla="*/ 189440 h 321915"/>
                <a:gd name="connsiteX9" fmla="*/ 1493722 w 1749059"/>
                <a:gd name="connsiteY9" fmla="*/ 191854 h 321915"/>
                <a:gd name="connsiteX10" fmla="*/ 1749059 w 1749059"/>
                <a:gd name="connsiteY10" fmla="*/ 232890 h 321915"/>
                <a:gd name="connsiteX11" fmla="*/ 1749059 w 1749059"/>
                <a:gd name="connsiteY11" fmla="*/ 321915 h 321915"/>
                <a:gd name="connsiteX12" fmla="*/ 0 w 1749059"/>
                <a:gd name="connsiteY12" fmla="*/ 321915 h 3219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749059" h="321915">
                  <a:moveTo>
                    <a:pt x="1748755" y="221003"/>
                  </a:moveTo>
                  <a:lnTo>
                    <a:pt x="1749059" y="221003"/>
                  </a:lnTo>
                  <a:lnTo>
                    <a:pt x="1749059" y="232890"/>
                  </a:lnTo>
                  <a:close/>
                  <a:moveTo>
                    <a:pt x="0" y="0"/>
                  </a:moveTo>
                  <a:lnTo>
                    <a:pt x="22982" y="0"/>
                  </a:lnTo>
                  <a:lnTo>
                    <a:pt x="104726" y="38801"/>
                  </a:lnTo>
                  <a:cubicBezTo>
                    <a:pt x="144024" y="53711"/>
                    <a:pt x="189905" y="66133"/>
                    <a:pt x="248952" y="73575"/>
                  </a:cubicBezTo>
                  <a:cubicBezTo>
                    <a:pt x="367046" y="88461"/>
                    <a:pt x="565996" y="59092"/>
                    <a:pt x="708559" y="78403"/>
                  </a:cubicBezTo>
                  <a:cubicBezTo>
                    <a:pt x="851123" y="97714"/>
                    <a:pt x="973472" y="170532"/>
                    <a:pt x="1104332" y="189440"/>
                  </a:cubicBezTo>
                  <a:cubicBezTo>
                    <a:pt x="1235193" y="208349"/>
                    <a:pt x="1386267" y="184612"/>
                    <a:pt x="1493722" y="191854"/>
                  </a:cubicBezTo>
                  <a:cubicBezTo>
                    <a:pt x="1601177" y="199096"/>
                    <a:pt x="1692672" y="222027"/>
                    <a:pt x="1749059" y="232890"/>
                  </a:cubicBezTo>
                  <a:lnTo>
                    <a:pt x="1749059" y="321915"/>
                  </a:lnTo>
                  <a:lnTo>
                    <a:pt x="0" y="321915"/>
                  </a:lnTo>
                  <a:close/>
                </a:path>
              </a:pathLst>
            </a:custGeom>
            <a:solidFill>
              <a:srgbClr val="FFF2CC"/>
            </a:solidFill>
            <a:ln w="19050" cap="flat" cmpd="sng" algn="ctr">
              <a:noFill/>
              <a:prstDash val="solid"/>
              <a:miter lim="800000"/>
            </a:ln>
            <a:effectLst/>
          </p:spPr>
          <p:txBody>
            <a:bodyPr lIns="45720" tIns="0" bIns="0"/>
            <a:lstStyle>
              <a:defPPr>
                <a:defRPr lang="fi-FI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9pPr>
            </a:lstStyle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2800" kern="0" baseline="-2500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endParaRPr>
            </a:p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2800" kern="0" baseline="-25000">
                  <a:solidFill>
                    <a:prstClr val="black"/>
                  </a:solidFill>
                  <a:latin typeface="+mn-lt"/>
                  <a:ea typeface="Linux Libertine" panose="02000503000000000000" pitchFamily="2" charset="0"/>
                  <a:cs typeface="Linux Libertine" panose="02000503000000000000" pitchFamily="2" charset="0"/>
                </a:rPr>
                <a:t>Address space</a:t>
              </a:r>
            </a:p>
          </p:txBody>
        </p:sp>
        <p:sp>
          <p:nvSpPr>
            <p:cNvPr id="26" name="Freeform: Shape 25">
              <a:extLst>
                <a:ext uri="{FF2B5EF4-FFF2-40B4-BE49-F238E27FC236}">
                  <a16:creationId xmlns:a16="http://schemas.microsoft.com/office/drawing/2014/main" id="{76FAF4F1-CE6C-6227-0691-820C9D89A9A2}"/>
                </a:ext>
              </a:extLst>
            </p:cNvPr>
            <p:cNvSpPr/>
            <p:nvPr/>
          </p:nvSpPr>
          <p:spPr>
            <a:xfrm>
              <a:off x="1121882" y="3555487"/>
              <a:ext cx="1748456" cy="160313"/>
            </a:xfrm>
            <a:custGeom>
              <a:avLst/>
              <a:gdLst>
                <a:gd name="connsiteX0" fmla="*/ 0 w 1739900"/>
                <a:gd name="connsiteY0" fmla="*/ 0 h 641350"/>
                <a:gd name="connsiteX1" fmla="*/ 247650 w 1739900"/>
                <a:gd name="connsiteY1" fmla="*/ 222250 h 641350"/>
                <a:gd name="connsiteX2" fmla="*/ 704850 w 1739900"/>
                <a:gd name="connsiteY2" fmla="*/ 234950 h 641350"/>
                <a:gd name="connsiteX3" fmla="*/ 1098550 w 1739900"/>
                <a:gd name="connsiteY3" fmla="*/ 527050 h 641350"/>
                <a:gd name="connsiteX4" fmla="*/ 1485900 w 1739900"/>
                <a:gd name="connsiteY4" fmla="*/ 533400 h 641350"/>
                <a:gd name="connsiteX5" fmla="*/ 1739900 w 1739900"/>
                <a:gd name="connsiteY5" fmla="*/ 641350 h 641350"/>
                <a:gd name="connsiteX0" fmla="*/ 0 w 1760393"/>
                <a:gd name="connsiteY0" fmla="*/ 0 h 650765"/>
                <a:gd name="connsiteX1" fmla="*/ 247650 w 1760393"/>
                <a:gd name="connsiteY1" fmla="*/ 222250 h 650765"/>
                <a:gd name="connsiteX2" fmla="*/ 704850 w 1760393"/>
                <a:gd name="connsiteY2" fmla="*/ 234950 h 650765"/>
                <a:gd name="connsiteX3" fmla="*/ 1098550 w 1760393"/>
                <a:gd name="connsiteY3" fmla="*/ 527050 h 650765"/>
                <a:gd name="connsiteX4" fmla="*/ 1485900 w 1760393"/>
                <a:gd name="connsiteY4" fmla="*/ 533400 h 650765"/>
                <a:gd name="connsiteX5" fmla="*/ 1739900 w 1760393"/>
                <a:gd name="connsiteY5" fmla="*/ 641350 h 650765"/>
                <a:gd name="connsiteX6" fmla="*/ 1745467 w 1760393"/>
                <a:gd name="connsiteY6" fmla="*/ 645838 h 650765"/>
                <a:gd name="connsiteX0" fmla="*/ 0 w 1897068"/>
                <a:gd name="connsiteY0" fmla="*/ 0 h 645377"/>
                <a:gd name="connsiteX1" fmla="*/ 247650 w 1897068"/>
                <a:gd name="connsiteY1" fmla="*/ 222250 h 645377"/>
                <a:gd name="connsiteX2" fmla="*/ 704850 w 1897068"/>
                <a:gd name="connsiteY2" fmla="*/ 234950 h 645377"/>
                <a:gd name="connsiteX3" fmla="*/ 1098550 w 1897068"/>
                <a:gd name="connsiteY3" fmla="*/ 527050 h 645377"/>
                <a:gd name="connsiteX4" fmla="*/ 1485900 w 1897068"/>
                <a:gd name="connsiteY4" fmla="*/ 533400 h 645377"/>
                <a:gd name="connsiteX5" fmla="*/ 1739900 w 1897068"/>
                <a:gd name="connsiteY5" fmla="*/ 641350 h 645377"/>
                <a:gd name="connsiteX6" fmla="*/ 1897068 w 1897068"/>
                <a:gd name="connsiteY6" fmla="*/ 608254 h 645377"/>
                <a:gd name="connsiteX0" fmla="*/ 0 w 1757930"/>
                <a:gd name="connsiteY0" fmla="*/ 30697 h 672420"/>
                <a:gd name="connsiteX1" fmla="*/ 247650 w 1757930"/>
                <a:gd name="connsiteY1" fmla="*/ 252947 h 672420"/>
                <a:gd name="connsiteX2" fmla="*/ 704850 w 1757930"/>
                <a:gd name="connsiteY2" fmla="*/ 265647 h 672420"/>
                <a:gd name="connsiteX3" fmla="*/ 1098550 w 1757930"/>
                <a:gd name="connsiteY3" fmla="*/ 557747 h 672420"/>
                <a:gd name="connsiteX4" fmla="*/ 1485900 w 1757930"/>
                <a:gd name="connsiteY4" fmla="*/ 564097 h 672420"/>
                <a:gd name="connsiteX5" fmla="*/ 1739900 w 1757930"/>
                <a:gd name="connsiteY5" fmla="*/ 672047 h 672420"/>
                <a:gd name="connsiteX6" fmla="*/ 1735991 w 1757930"/>
                <a:gd name="connsiteY6" fmla="*/ 0 h 672420"/>
                <a:gd name="connsiteX0" fmla="*/ 0 w 1755567"/>
                <a:gd name="connsiteY0" fmla="*/ 24431 h 666159"/>
                <a:gd name="connsiteX1" fmla="*/ 247650 w 1755567"/>
                <a:gd name="connsiteY1" fmla="*/ 246681 h 666159"/>
                <a:gd name="connsiteX2" fmla="*/ 704850 w 1755567"/>
                <a:gd name="connsiteY2" fmla="*/ 259381 h 666159"/>
                <a:gd name="connsiteX3" fmla="*/ 1098550 w 1755567"/>
                <a:gd name="connsiteY3" fmla="*/ 551481 h 666159"/>
                <a:gd name="connsiteX4" fmla="*/ 1485900 w 1755567"/>
                <a:gd name="connsiteY4" fmla="*/ 557831 h 666159"/>
                <a:gd name="connsiteX5" fmla="*/ 1739900 w 1755567"/>
                <a:gd name="connsiteY5" fmla="*/ 665781 h 666159"/>
                <a:gd name="connsiteX6" fmla="*/ 1724148 w 1755567"/>
                <a:gd name="connsiteY6" fmla="*/ 0 h 666159"/>
                <a:gd name="connsiteX0" fmla="*/ 0 w 1739900"/>
                <a:gd name="connsiteY0" fmla="*/ 24434 h 665783"/>
                <a:gd name="connsiteX1" fmla="*/ 247650 w 1739900"/>
                <a:gd name="connsiteY1" fmla="*/ 246684 h 665783"/>
                <a:gd name="connsiteX2" fmla="*/ 704850 w 1739900"/>
                <a:gd name="connsiteY2" fmla="*/ 259384 h 665783"/>
                <a:gd name="connsiteX3" fmla="*/ 1098550 w 1739900"/>
                <a:gd name="connsiteY3" fmla="*/ 551484 h 665783"/>
                <a:gd name="connsiteX4" fmla="*/ 1485900 w 1739900"/>
                <a:gd name="connsiteY4" fmla="*/ 557834 h 665783"/>
                <a:gd name="connsiteX5" fmla="*/ 1739900 w 1739900"/>
                <a:gd name="connsiteY5" fmla="*/ 665784 h 665783"/>
                <a:gd name="connsiteX6" fmla="*/ 1724148 w 1739900"/>
                <a:gd name="connsiteY6" fmla="*/ 3 h 665783"/>
                <a:gd name="connsiteX0" fmla="*/ 0 w 1739900"/>
                <a:gd name="connsiteY0" fmla="*/ 24434 h 665783"/>
                <a:gd name="connsiteX1" fmla="*/ 247650 w 1739900"/>
                <a:gd name="connsiteY1" fmla="*/ 246684 h 665783"/>
                <a:gd name="connsiteX2" fmla="*/ 704850 w 1739900"/>
                <a:gd name="connsiteY2" fmla="*/ 259384 h 665783"/>
                <a:gd name="connsiteX3" fmla="*/ 1098550 w 1739900"/>
                <a:gd name="connsiteY3" fmla="*/ 551484 h 665783"/>
                <a:gd name="connsiteX4" fmla="*/ 1485900 w 1739900"/>
                <a:gd name="connsiteY4" fmla="*/ 557834 h 665783"/>
                <a:gd name="connsiteX5" fmla="*/ 1739900 w 1739900"/>
                <a:gd name="connsiteY5" fmla="*/ 665784 h 665783"/>
                <a:gd name="connsiteX6" fmla="*/ 1733623 w 1739900"/>
                <a:gd name="connsiteY6" fmla="*/ 3 h 665783"/>
                <a:gd name="connsiteX0" fmla="*/ 0 w 1739900"/>
                <a:gd name="connsiteY0" fmla="*/ 30698 h 672047"/>
                <a:gd name="connsiteX1" fmla="*/ 247650 w 1739900"/>
                <a:gd name="connsiteY1" fmla="*/ 252948 h 672047"/>
                <a:gd name="connsiteX2" fmla="*/ 704850 w 1739900"/>
                <a:gd name="connsiteY2" fmla="*/ 265648 h 672047"/>
                <a:gd name="connsiteX3" fmla="*/ 1098550 w 1739900"/>
                <a:gd name="connsiteY3" fmla="*/ 557748 h 672047"/>
                <a:gd name="connsiteX4" fmla="*/ 1485900 w 1739900"/>
                <a:gd name="connsiteY4" fmla="*/ 564098 h 672047"/>
                <a:gd name="connsiteX5" fmla="*/ 1739900 w 1739900"/>
                <a:gd name="connsiteY5" fmla="*/ 672048 h 672047"/>
                <a:gd name="connsiteX6" fmla="*/ 1735992 w 1739900"/>
                <a:gd name="connsiteY6" fmla="*/ 3 h 672047"/>
                <a:gd name="connsiteX0" fmla="*/ 0 w 1739900"/>
                <a:gd name="connsiteY0" fmla="*/ 30698 h 672047"/>
                <a:gd name="connsiteX1" fmla="*/ 247650 w 1739900"/>
                <a:gd name="connsiteY1" fmla="*/ 252948 h 672047"/>
                <a:gd name="connsiteX2" fmla="*/ 704850 w 1739900"/>
                <a:gd name="connsiteY2" fmla="*/ 265648 h 672047"/>
                <a:gd name="connsiteX3" fmla="*/ 1098550 w 1739900"/>
                <a:gd name="connsiteY3" fmla="*/ 557748 h 672047"/>
                <a:gd name="connsiteX4" fmla="*/ 1485900 w 1739900"/>
                <a:gd name="connsiteY4" fmla="*/ 564098 h 672047"/>
                <a:gd name="connsiteX5" fmla="*/ 1739900 w 1739900"/>
                <a:gd name="connsiteY5" fmla="*/ 672048 h 672047"/>
                <a:gd name="connsiteX6" fmla="*/ 1735992 w 1739900"/>
                <a:gd name="connsiteY6" fmla="*/ 3 h 672047"/>
                <a:gd name="connsiteX0" fmla="*/ 0 w 1739900"/>
                <a:gd name="connsiteY0" fmla="*/ 43225 h 684574"/>
                <a:gd name="connsiteX1" fmla="*/ 247650 w 1739900"/>
                <a:gd name="connsiteY1" fmla="*/ 265475 h 684574"/>
                <a:gd name="connsiteX2" fmla="*/ 704850 w 1739900"/>
                <a:gd name="connsiteY2" fmla="*/ 278175 h 684574"/>
                <a:gd name="connsiteX3" fmla="*/ 1098550 w 1739900"/>
                <a:gd name="connsiteY3" fmla="*/ 570275 h 684574"/>
                <a:gd name="connsiteX4" fmla="*/ 1485900 w 1739900"/>
                <a:gd name="connsiteY4" fmla="*/ 576625 h 684574"/>
                <a:gd name="connsiteX5" fmla="*/ 1739900 w 1739900"/>
                <a:gd name="connsiteY5" fmla="*/ 684575 h 684574"/>
                <a:gd name="connsiteX6" fmla="*/ 1733623 w 1739900"/>
                <a:gd name="connsiteY6" fmla="*/ 2 h 684574"/>
                <a:gd name="connsiteX0" fmla="*/ 0 w 2020246"/>
                <a:gd name="connsiteY0" fmla="*/ 1 h 641350"/>
                <a:gd name="connsiteX1" fmla="*/ 247650 w 2020246"/>
                <a:gd name="connsiteY1" fmla="*/ 222251 h 641350"/>
                <a:gd name="connsiteX2" fmla="*/ 704850 w 2020246"/>
                <a:gd name="connsiteY2" fmla="*/ 234951 h 641350"/>
                <a:gd name="connsiteX3" fmla="*/ 1098550 w 2020246"/>
                <a:gd name="connsiteY3" fmla="*/ 527051 h 641350"/>
                <a:gd name="connsiteX4" fmla="*/ 1485900 w 2020246"/>
                <a:gd name="connsiteY4" fmla="*/ 533401 h 641350"/>
                <a:gd name="connsiteX5" fmla="*/ 1739900 w 2020246"/>
                <a:gd name="connsiteY5" fmla="*/ 641351 h 641350"/>
                <a:gd name="connsiteX6" fmla="*/ 2020246 w 2020246"/>
                <a:gd name="connsiteY6" fmla="*/ 420331 h 641350"/>
                <a:gd name="connsiteX0" fmla="*/ 0 w 1739900"/>
                <a:gd name="connsiteY0" fmla="*/ 30698 h 672047"/>
                <a:gd name="connsiteX1" fmla="*/ 247650 w 1739900"/>
                <a:gd name="connsiteY1" fmla="*/ 252948 h 672047"/>
                <a:gd name="connsiteX2" fmla="*/ 704850 w 1739900"/>
                <a:gd name="connsiteY2" fmla="*/ 265648 h 672047"/>
                <a:gd name="connsiteX3" fmla="*/ 1098550 w 1739900"/>
                <a:gd name="connsiteY3" fmla="*/ 557748 h 672047"/>
                <a:gd name="connsiteX4" fmla="*/ 1485900 w 1739900"/>
                <a:gd name="connsiteY4" fmla="*/ 564098 h 672047"/>
                <a:gd name="connsiteX5" fmla="*/ 1739900 w 1739900"/>
                <a:gd name="connsiteY5" fmla="*/ 672048 h 672047"/>
                <a:gd name="connsiteX6" fmla="*/ 1735993 w 1739900"/>
                <a:gd name="connsiteY6" fmla="*/ 3 h 672047"/>
                <a:gd name="connsiteX0" fmla="*/ 0 w 1739900"/>
                <a:gd name="connsiteY0" fmla="*/ 1 h 641350"/>
                <a:gd name="connsiteX1" fmla="*/ 247650 w 1739900"/>
                <a:gd name="connsiteY1" fmla="*/ 222251 h 641350"/>
                <a:gd name="connsiteX2" fmla="*/ 704850 w 1739900"/>
                <a:gd name="connsiteY2" fmla="*/ 234951 h 641350"/>
                <a:gd name="connsiteX3" fmla="*/ 1098550 w 1739900"/>
                <a:gd name="connsiteY3" fmla="*/ 527051 h 641350"/>
                <a:gd name="connsiteX4" fmla="*/ 1485900 w 1739900"/>
                <a:gd name="connsiteY4" fmla="*/ 533401 h 641350"/>
                <a:gd name="connsiteX5" fmla="*/ 1739900 w 1739900"/>
                <a:gd name="connsiteY5" fmla="*/ 641351 h 6413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739900" h="641350">
                  <a:moveTo>
                    <a:pt x="0" y="1"/>
                  </a:moveTo>
                  <a:cubicBezTo>
                    <a:pt x="65087" y="91547"/>
                    <a:pt x="130175" y="183093"/>
                    <a:pt x="247650" y="222251"/>
                  </a:cubicBezTo>
                  <a:cubicBezTo>
                    <a:pt x="365125" y="261409"/>
                    <a:pt x="563033" y="184151"/>
                    <a:pt x="704850" y="234951"/>
                  </a:cubicBezTo>
                  <a:cubicBezTo>
                    <a:pt x="846667" y="285751"/>
                    <a:pt x="968375" y="477309"/>
                    <a:pt x="1098550" y="527051"/>
                  </a:cubicBezTo>
                  <a:cubicBezTo>
                    <a:pt x="1228725" y="576793"/>
                    <a:pt x="1379008" y="514351"/>
                    <a:pt x="1485900" y="533401"/>
                  </a:cubicBezTo>
                  <a:cubicBezTo>
                    <a:pt x="1592792" y="552451"/>
                    <a:pt x="1683808" y="612776"/>
                    <a:pt x="1739900" y="641351"/>
                  </a:cubicBezTo>
                </a:path>
              </a:pathLst>
            </a:custGeom>
            <a:noFill/>
            <a:ln w="25400" cap="rnd" cmpd="sng" algn="ctr">
              <a:solidFill>
                <a:sysClr val="windowText" lastClr="000000"/>
              </a:solidFill>
              <a:prstDash val="solid"/>
              <a:miter lim="800000"/>
            </a:ln>
            <a:effectLst/>
          </p:spPr>
          <p:txBody>
            <a:bodyPr anchor="ctr"/>
            <a:lstStyle>
              <a:defPPr>
                <a:defRPr lang="fi-FI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9pPr>
            </a:lstStyle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1400" kern="0">
                <a:solidFill>
                  <a:prstClr val="white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endParaRPr>
            </a:p>
          </p:txBody>
        </p:sp>
      </p:grpSp>
      <p:sp>
        <p:nvSpPr>
          <p:cNvPr id="27" name="Rectangle 26">
            <a:extLst>
              <a:ext uri="{FF2B5EF4-FFF2-40B4-BE49-F238E27FC236}">
                <a16:creationId xmlns:a16="http://schemas.microsoft.com/office/drawing/2014/main" id="{7700EA69-9322-D94C-2E1E-6B69051A112E}"/>
              </a:ext>
            </a:extLst>
          </p:cNvPr>
          <p:cNvSpPr/>
          <p:nvPr/>
        </p:nvSpPr>
        <p:spPr bwMode="auto">
          <a:xfrm>
            <a:off x="6681915" y="3142639"/>
            <a:ext cx="4434854" cy="1627793"/>
          </a:xfrm>
          <a:prstGeom prst="rect">
            <a:avLst/>
          </a:prstGeom>
          <a:solidFill>
            <a:srgbClr val="5B9BD5">
              <a:lumMod val="60000"/>
              <a:lumOff val="40000"/>
            </a:srgbClr>
          </a:solidFill>
          <a:ln w="6350" cap="flat" cmpd="sng" algn="ctr">
            <a:solidFill>
              <a:sysClr val="window" lastClr="FFFFFF">
                <a:lumMod val="50000"/>
              </a:sysClr>
            </a:solidFill>
            <a:prstDash val="solid"/>
            <a:miter lim="800000"/>
          </a:ln>
          <a:effectLst/>
        </p:spPr>
        <p:txBody>
          <a:bodyPr lIns="45720" tIns="0" bIns="0" anchor="ctr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 sz="1600" i="1" kern="0" baseline="-25000">
              <a:solidFill>
                <a:prstClr val="white">
                  <a:lumMod val="50000"/>
                </a:prstClr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394E69D5-71FC-014D-684B-613519582C6A}"/>
              </a:ext>
            </a:extLst>
          </p:cNvPr>
          <p:cNvCxnSpPr>
            <a:cxnSpLocks/>
            <a:stCxn id="26" idx="0"/>
            <a:endCxn id="9" idx="5"/>
          </p:cNvCxnSpPr>
          <p:nvPr/>
        </p:nvCxnSpPr>
        <p:spPr bwMode="auto">
          <a:xfrm>
            <a:off x="6682232" y="2230895"/>
            <a:ext cx="11815" cy="3019928"/>
          </a:xfrm>
          <a:prstGeom prst="line">
            <a:avLst/>
          </a:prstGeom>
          <a:noFill/>
          <a:ln w="25400" cap="rnd" algn="ctr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FCC9272A-E42D-7B7A-D010-CE282FE1274D}"/>
              </a:ext>
            </a:extLst>
          </p:cNvPr>
          <p:cNvCxnSpPr>
            <a:cxnSpLocks/>
            <a:stCxn id="26" idx="5"/>
            <a:endCxn id="8" idx="3"/>
          </p:cNvCxnSpPr>
          <p:nvPr/>
        </p:nvCxnSpPr>
        <p:spPr bwMode="auto">
          <a:xfrm>
            <a:off x="11108495" y="2702264"/>
            <a:ext cx="14296" cy="3017676"/>
          </a:xfrm>
          <a:prstGeom prst="line">
            <a:avLst/>
          </a:prstGeom>
          <a:noFill/>
          <a:ln w="25400" cap="rnd" algn="ctr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34" name="Upper bound">
            <a:extLst>
              <a:ext uri="{FF2B5EF4-FFF2-40B4-BE49-F238E27FC236}">
                <a16:creationId xmlns:a16="http://schemas.microsoft.com/office/drawing/2014/main" id="{78A86BF5-6D93-40E5-9A61-E705A89C9793}"/>
              </a:ext>
            </a:extLst>
          </p:cNvPr>
          <p:cNvSpPr/>
          <p:nvPr/>
        </p:nvSpPr>
        <p:spPr bwMode="auto">
          <a:xfrm>
            <a:off x="11280555" y="2949805"/>
            <a:ext cx="797649" cy="385665"/>
          </a:xfrm>
          <a:prstGeom prst="rect">
            <a:avLst/>
          </a:prstGeom>
          <a:noFill/>
          <a:ln w="6350" cap="flat" cmpd="sng" algn="ctr">
            <a:noFill/>
            <a:prstDash val="solid"/>
            <a:miter lim="800000"/>
          </a:ln>
          <a:effectLst/>
        </p:spPr>
        <p:txBody>
          <a:bodyPr lIns="45720" tIns="0" bIns="0" anchor="ctr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400" kern="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rPr>
              <a:t>Upper bound</a:t>
            </a:r>
            <a:endParaRPr lang="en-US" sz="1400" kern="0" baseline="-25000">
              <a:solidFill>
                <a:prstClr val="white">
                  <a:lumMod val="50000"/>
                </a:prstClr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grpSp>
        <p:nvGrpSpPr>
          <p:cNvPr id="37" name="Group 36">
            <a:extLst>
              <a:ext uri="{FF2B5EF4-FFF2-40B4-BE49-F238E27FC236}">
                <a16:creationId xmlns:a16="http://schemas.microsoft.com/office/drawing/2014/main" id="{8B111C26-4A95-B053-EA3E-C6BBEF5AA804}"/>
              </a:ext>
            </a:extLst>
          </p:cNvPr>
          <p:cNvGrpSpPr/>
          <p:nvPr/>
        </p:nvGrpSpPr>
        <p:grpSpPr>
          <a:xfrm>
            <a:off x="479449" y="3003825"/>
            <a:ext cx="4819040" cy="1450211"/>
            <a:chOff x="538124" y="1971861"/>
            <a:chExt cx="10688678" cy="3216583"/>
          </a:xfrm>
        </p:grpSpPr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E43A3579-D072-8F34-F98B-2E23F70C80DF}"/>
                </a:ext>
              </a:extLst>
            </p:cNvPr>
            <p:cNvSpPr txBox="1"/>
            <p:nvPr/>
          </p:nvSpPr>
          <p:spPr>
            <a:xfrm>
              <a:off x="7779973" y="3141976"/>
              <a:ext cx="3314747" cy="477857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endParaRPr lang="en-US" sz="800"/>
            </a:p>
          </p:txBody>
        </p:sp>
        <p:grpSp>
          <p:nvGrpSpPr>
            <p:cNvPr id="39" name="Group 38">
              <a:extLst>
                <a:ext uri="{FF2B5EF4-FFF2-40B4-BE49-F238E27FC236}">
                  <a16:creationId xmlns:a16="http://schemas.microsoft.com/office/drawing/2014/main" id="{CC79BFBF-82D7-1777-59D6-704859BAF15C}"/>
                </a:ext>
              </a:extLst>
            </p:cNvPr>
            <p:cNvGrpSpPr/>
            <p:nvPr/>
          </p:nvGrpSpPr>
          <p:grpSpPr>
            <a:xfrm>
              <a:off x="538124" y="1971861"/>
              <a:ext cx="10688678" cy="3216583"/>
              <a:chOff x="538124" y="1971861"/>
              <a:chExt cx="10688678" cy="3216583"/>
            </a:xfrm>
          </p:grpSpPr>
          <p:sp>
            <p:nvSpPr>
              <p:cNvPr id="40" name="TextBox 39">
                <a:extLst>
                  <a:ext uri="{FF2B5EF4-FFF2-40B4-BE49-F238E27FC236}">
                    <a16:creationId xmlns:a16="http://schemas.microsoft.com/office/drawing/2014/main" id="{D00E1D34-743F-6BEB-C74D-4EA5786C2CFF}"/>
                  </a:ext>
                </a:extLst>
              </p:cNvPr>
              <p:cNvSpPr txBox="1"/>
              <p:nvPr/>
            </p:nvSpPr>
            <p:spPr>
              <a:xfrm>
                <a:off x="583387" y="2284500"/>
                <a:ext cx="6096000" cy="477857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endParaRPr lang="en-US" sz="800"/>
              </a:p>
            </p:txBody>
          </p:sp>
          <p:grpSp>
            <p:nvGrpSpPr>
              <p:cNvPr id="41" name="Group 40">
                <a:extLst>
                  <a:ext uri="{FF2B5EF4-FFF2-40B4-BE49-F238E27FC236}">
                    <a16:creationId xmlns:a16="http://schemas.microsoft.com/office/drawing/2014/main" id="{3A96E932-B446-62A2-BFFB-83FE9B974BD4}"/>
                  </a:ext>
                </a:extLst>
              </p:cNvPr>
              <p:cNvGrpSpPr/>
              <p:nvPr/>
            </p:nvGrpSpPr>
            <p:grpSpPr>
              <a:xfrm>
                <a:off x="538124" y="1971861"/>
                <a:ext cx="10688678" cy="3216583"/>
                <a:chOff x="538124" y="1971861"/>
                <a:chExt cx="10688678" cy="3216583"/>
              </a:xfrm>
            </p:grpSpPr>
            <p:sp>
              <p:nvSpPr>
                <p:cNvPr id="45" name="Rectangle 44">
                  <a:extLst>
                    <a:ext uri="{FF2B5EF4-FFF2-40B4-BE49-F238E27FC236}">
                      <a16:creationId xmlns:a16="http://schemas.microsoft.com/office/drawing/2014/main" id="{9ABBB795-01EA-B368-088B-652537CAFB3B}"/>
                    </a:ext>
                  </a:extLst>
                </p:cNvPr>
                <p:cNvSpPr/>
                <p:nvPr/>
              </p:nvSpPr>
              <p:spPr>
                <a:xfrm>
                  <a:off x="538124" y="2130331"/>
                  <a:ext cx="90525" cy="666307"/>
                </a:xfrm>
                <a:prstGeom prst="rect">
                  <a:avLst/>
                </a:prstGeom>
                <a:solidFill>
                  <a:schemeClr val="tx1"/>
                </a:solidFill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800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46" name="Rectangle 45">
                  <a:extLst>
                    <a:ext uri="{FF2B5EF4-FFF2-40B4-BE49-F238E27FC236}">
                      <a16:creationId xmlns:a16="http://schemas.microsoft.com/office/drawing/2014/main" id="{594B2E2A-7E0F-BD10-4DDE-7B834351AE26}"/>
                    </a:ext>
                  </a:extLst>
                </p:cNvPr>
                <p:cNvSpPr/>
                <p:nvPr/>
              </p:nvSpPr>
              <p:spPr>
                <a:xfrm>
                  <a:off x="538717" y="2991293"/>
                  <a:ext cx="2671724" cy="666307"/>
                </a:xfrm>
                <a:prstGeom prst="rect">
                  <a:avLst/>
                </a:prstGeom>
                <a:noFill/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800">
                      <a:solidFill>
                        <a:schemeClr val="tx1"/>
                      </a:solidFill>
                    </a:rPr>
                    <a:t>permissions</a:t>
                  </a:r>
                </a:p>
              </p:txBody>
            </p:sp>
            <p:sp>
              <p:nvSpPr>
                <p:cNvPr id="47" name="Rectangle 46">
                  <a:extLst>
                    <a:ext uri="{FF2B5EF4-FFF2-40B4-BE49-F238E27FC236}">
                      <a16:creationId xmlns:a16="http://schemas.microsoft.com/office/drawing/2014/main" id="{641B32D4-1EBF-C715-433C-A92F5500957C}"/>
                    </a:ext>
                  </a:extLst>
                </p:cNvPr>
                <p:cNvSpPr/>
                <p:nvPr/>
              </p:nvSpPr>
              <p:spPr>
                <a:xfrm>
                  <a:off x="3211033" y="2991293"/>
                  <a:ext cx="253620" cy="666307"/>
                </a:xfrm>
                <a:prstGeom prst="rect">
                  <a:avLst/>
                </a:prstGeom>
                <a:pattFill prst="ltUpDiag">
                  <a:fgClr>
                    <a:schemeClr val="tx1"/>
                  </a:fgClr>
                  <a:bgClr>
                    <a:schemeClr val="bg1"/>
                  </a:bgClr>
                </a:pattFill>
              </p:spPr>
              <p:style>
                <a:lnRef idx="2">
                  <a:schemeClr val="dk1"/>
                </a:lnRef>
                <a:fillRef idx="1">
                  <a:schemeClr val="lt1"/>
                </a:fillRef>
                <a:effectRef idx="0">
                  <a:schemeClr val="dk1"/>
                </a:effectRef>
                <a:fontRef idx="minor">
                  <a:schemeClr val="dk1"/>
                </a:fontRef>
              </p:style>
              <p:txBody>
                <a:bodyPr rtlCol="0" anchor="ctr"/>
                <a:lstStyle/>
                <a:p>
                  <a:pPr algn="ctr"/>
                  <a:endParaRPr lang="en-US" sz="800"/>
                </a:p>
              </p:txBody>
            </p:sp>
            <p:sp>
              <p:nvSpPr>
                <p:cNvPr id="48" name="Rectangle 47">
                  <a:extLst>
                    <a:ext uri="{FF2B5EF4-FFF2-40B4-BE49-F238E27FC236}">
                      <a16:creationId xmlns:a16="http://schemas.microsoft.com/office/drawing/2014/main" id="{CA99CDCC-A999-DF14-2B5E-F3042D8E4F05}"/>
                    </a:ext>
                  </a:extLst>
                </p:cNvPr>
                <p:cNvSpPr/>
                <p:nvPr/>
              </p:nvSpPr>
              <p:spPr>
                <a:xfrm>
                  <a:off x="3486185" y="3657600"/>
                  <a:ext cx="7740612" cy="666308"/>
                </a:xfrm>
                <a:prstGeom prst="rect">
                  <a:avLst/>
                </a:prstGeom>
                <a:noFill/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800">
                      <a:solidFill>
                        <a:schemeClr val="tx1"/>
                      </a:solidFill>
                    </a:rPr>
                    <a:t>baseline architecture address</a:t>
                  </a:r>
                </a:p>
              </p:txBody>
            </p:sp>
            <p:sp>
              <p:nvSpPr>
                <p:cNvPr id="49" name="Rectangle 48">
                  <a:extLst>
                    <a:ext uri="{FF2B5EF4-FFF2-40B4-BE49-F238E27FC236}">
                      <a16:creationId xmlns:a16="http://schemas.microsoft.com/office/drawing/2014/main" id="{9C4C2D56-5FD4-3657-4098-F12779861532}"/>
                    </a:ext>
                  </a:extLst>
                </p:cNvPr>
                <p:cNvSpPr/>
                <p:nvPr/>
              </p:nvSpPr>
              <p:spPr>
                <a:xfrm>
                  <a:off x="3210442" y="2991293"/>
                  <a:ext cx="254212" cy="666307"/>
                </a:xfrm>
                <a:prstGeom prst="rect">
                  <a:avLst/>
                </a:prstGeom>
                <a:noFill/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sz="800">
                    <a:solidFill>
                      <a:schemeClr val="tx1"/>
                    </a:solidFill>
                  </a:endParaRPr>
                </a:p>
              </p:txBody>
            </p:sp>
            <p:sp>
              <p:nvSpPr>
                <p:cNvPr id="50" name="Rectangle 49">
                  <a:extLst>
                    <a:ext uri="{FF2B5EF4-FFF2-40B4-BE49-F238E27FC236}">
                      <a16:creationId xmlns:a16="http://schemas.microsoft.com/office/drawing/2014/main" id="{9CA0293A-C421-FF17-5474-9D23B688B915}"/>
                    </a:ext>
                  </a:extLst>
                </p:cNvPr>
                <p:cNvSpPr/>
                <p:nvPr/>
              </p:nvSpPr>
              <p:spPr>
                <a:xfrm>
                  <a:off x="3464654" y="2991292"/>
                  <a:ext cx="2418106" cy="666307"/>
                </a:xfrm>
                <a:prstGeom prst="rect">
                  <a:avLst/>
                </a:prstGeom>
                <a:noFill/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800">
                      <a:solidFill>
                        <a:schemeClr val="tx1"/>
                      </a:solidFill>
                    </a:rPr>
                    <a:t>object type</a:t>
                  </a:r>
                </a:p>
              </p:txBody>
            </p:sp>
            <p:sp>
              <p:nvSpPr>
                <p:cNvPr id="51" name="Rectangle 50">
                  <a:extLst>
                    <a:ext uri="{FF2B5EF4-FFF2-40B4-BE49-F238E27FC236}">
                      <a16:creationId xmlns:a16="http://schemas.microsoft.com/office/drawing/2014/main" id="{CE64F93C-2A16-9F79-13D1-4D3D12A41AD9}"/>
                    </a:ext>
                  </a:extLst>
                </p:cNvPr>
                <p:cNvSpPr/>
                <p:nvPr/>
              </p:nvSpPr>
              <p:spPr>
                <a:xfrm>
                  <a:off x="5882759" y="2991292"/>
                  <a:ext cx="5344041" cy="666307"/>
                </a:xfrm>
                <a:prstGeom prst="rect">
                  <a:avLst/>
                </a:prstGeom>
                <a:noFill/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r>
                    <a:rPr lang="en-US" sz="800">
                      <a:solidFill>
                        <a:schemeClr val="tx1"/>
                      </a:solidFill>
                    </a:rPr>
                    <a:t>bounds</a:t>
                  </a:r>
                </a:p>
              </p:txBody>
            </p:sp>
            <p:sp>
              <p:nvSpPr>
                <p:cNvPr id="52" name="Right Brace 51">
                  <a:extLst>
                    <a:ext uri="{FF2B5EF4-FFF2-40B4-BE49-F238E27FC236}">
                      <a16:creationId xmlns:a16="http://schemas.microsoft.com/office/drawing/2014/main" id="{2C0DC497-79C9-64AC-F4B7-4D109FBAEE6C}"/>
                    </a:ext>
                  </a:extLst>
                </p:cNvPr>
                <p:cNvSpPr/>
                <p:nvPr/>
              </p:nvSpPr>
              <p:spPr>
                <a:xfrm rot="5400000">
                  <a:off x="7304957" y="776966"/>
                  <a:ext cx="101405" cy="7742276"/>
                </a:xfrm>
                <a:prstGeom prst="rightBrace">
                  <a:avLst>
                    <a:gd name="adj1" fmla="val 8332"/>
                    <a:gd name="adj2" fmla="val 50000"/>
                  </a:avLst>
                </a:prstGeom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  <p:txBody>
                <a:bodyPr rtlCol="0" anchor="ctr"/>
                <a:lstStyle/>
                <a:p>
                  <a:pPr algn="ctr"/>
                  <a:endParaRPr lang="en-US" sz="800"/>
                </a:p>
              </p:txBody>
            </p:sp>
            <p:sp>
              <p:nvSpPr>
                <p:cNvPr id="53" name="TextBox 52">
                  <a:extLst>
                    <a:ext uri="{FF2B5EF4-FFF2-40B4-BE49-F238E27FC236}">
                      <a16:creationId xmlns:a16="http://schemas.microsoft.com/office/drawing/2014/main" id="{A5F9DBD3-A913-61A8-7A0B-79DD6480A33E}"/>
                    </a:ext>
                  </a:extLst>
                </p:cNvPr>
                <p:cNvSpPr txBox="1"/>
                <p:nvPr/>
              </p:nvSpPr>
              <p:spPr>
                <a:xfrm>
                  <a:off x="6467039" y="4710587"/>
                  <a:ext cx="1844592" cy="47785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800"/>
                    <a:t>48-bit address</a:t>
                  </a:r>
                </a:p>
              </p:txBody>
            </p:sp>
            <p:sp>
              <p:nvSpPr>
                <p:cNvPr id="54" name="Right Brace 53">
                  <a:extLst>
                    <a:ext uri="{FF2B5EF4-FFF2-40B4-BE49-F238E27FC236}">
                      <a16:creationId xmlns:a16="http://schemas.microsoft.com/office/drawing/2014/main" id="{9694499A-ACD9-AD32-23B2-C0DE1F22F0F0}"/>
                    </a:ext>
                  </a:extLst>
                </p:cNvPr>
                <p:cNvSpPr/>
                <p:nvPr/>
              </p:nvSpPr>
              <p:spPr>
                <a:xfrm>
                  <a:off x="850899" y="2130331"/>
                  <a:ext cx="196850" cy="666307"/>
                </a:xfrm>
                <a:prstGeom prst="rightBrace">
                  <a:avLst/>
                </a:prstGeom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  <p:txBody>
                <a:bodyPr rtlCol="0" anchor="ctr"/>
                <a:lstStyle/>
                <a:p>
                  <a:pPr algn="ctr"/>
                  <a:endParaRPr lang="en-US" sz="800"/>
                </a:p>
              </p:txBody>
            </p:sp>
            <p:sp>
              <p:nvSpPr>
                <p:cNvPr id="55" name="TextBox 54">
                  <a:extLst>
                    <a:ext uri="{FF2B5EF4-FFF2-40B4-BE49-F238E27FC236}">
                      <a16:creationId xmlns:a16="http://schemas.microsoft.com/office/drawing/2014/main" id="{46B67FE7-ADFB-3719-88B9-D2CAA97339B3}"/>
                    </a:ext>
                  </a:extLst>
                </p:cNvPr>
                <p:cNvSpPr txBox="1"/>
                <p:nvPr/>
              </p:nvSpPr>
              <p:spPr>
                <a:xfrm>
                  <a:off x="1033399" y="2324984"/>
                  <a:ext cx="2053249" cy="47785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800"/>
                    <a:t>1-bit validity tag</a:t>
                  </a:r>
                </a:p>
              </p:txBody>
            </p:sp>
            <p:sp>
              <p:nvSpPr>
                <p:cNvPr id="56" name="Right Brace 55">
                  <a:extLst>
                    <a:ext uri="{FF2B5EF4-FFF2-40B4-BE49-F238E27FC236}">
                      <a16:creationId xmlns:a16="http://schemas.microsoft.com/office/drawing/2014/main" id="{2680E123-EA90-6B0F-2C13-47B9D1955A2D}"/>
                    </a:ext>
                  </a:extLst>
                </p:cNvPr>
                <p:cNvSpPr/>
                <p:nvPr/>
              </p:nvSpPr>
              <p:spPr>
                <a:xfrm rot="16200000">
                  <a:off x="8370115" y="-19941"/>
                  <a:ext cx="369331" cy="5344043"/>
                </a:xfrm>
                <a:prstGeom prst="rightBrace">
                  <a:avLst>
                    <a:gd name="adj1" fmla="val 0"/>
                    <a:gd name="adj2" fmla="val 50000"/>
                  </a:avLst>
                </a:prstGeom>
              </p:spPr>
              <p:style>
                <a:lnRef idx="1">
                  <a:schemeClr val="dk1"/>
                </a:lnRef>
                <a:fillRef idx="0">
                  <a:schemeClr val="dk1"/>
                </a:fillRef>
                <a:effectRef idx="0">
                  <a:schemeClr val="dk1"/>
                </a:effectRef>
                <a:fontRef idx="minor">
                  <a:schemeClr val="tx1"/>
                </a:fontRef>
              </p:style>
              <p:txBody>
                <a:bodyPr rtlCol="0" anchor="ctr"/>
                <a:lstStyle/>
                <a:p>
                  <a:pPr algn="ctr"/>
                  <a:endParaRPr lang="en-US" sz="800"/>
                </a:p>
              </p:txBody>
            </p:sp>
            <p:sp>
              <p:nvSpPr>
                <p:cNvPr id="57" name="TextBox 56">
                  <a:extLst>
                    <a:ext uri="{FF2B5EF4-FFF2-40B4-BE49-F238E27FC236}">
                      <a16:creationId xmlns:a16="http://schemas.microsoft.com/office/drawing/2014/main" id="{882DE75E-947E-A78F-4054-0EFF54A9A4BA}"/>
                    </a:ext>
                  </a:extLst>
                </p:cNvPr>
                <p:cNvSpPr txBox="1"/>
                <p:nvPr/>
              </p:nvSpPr>
              <p:spPr>
                <a:xfrm flipH="1">
                  <a:off x="6266882" y="1971861"/>
                  <a:ext cx="4593022" cy="47785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800"/>
                    <a:t>bounds compressed relative to address</a:t>
                  </a:r>
                </a:p>
              </p:txBody>
            </p:sp>
          </p:grpSp>
        </p:grpSp>
      </p:grpSp>
      <p:cxnSp>
        <p:nvCxnSpPr>
          <p:cNvPr id="60" name="Lower bound">
            <a:extLst>
              <a:ext uri="{FF2B5EF4-FFF2-40B4-BE49-F238E27FC236}">
                <a16:creationId xmlns:a16="http://schemas.microsoft.com/office/drawing/2014/main" id="{3EF378F3-1D30-4235-C5C4-96170A35D121}"/>
              </a:ext>
            </a:extLst>
          </p:cNvPr>
          <p:cNvCxnSpPr>
            <a:cxnSpLocks noGrp="1" noRot="1" noMove="1" noResize="1" noEditPoints="1" noAdjustHandles="1" noChangeArrowheads="1" noChangeShapeType="1"/>
            <a:stCxn id="61" idx="1"/>
          </p:cNvCxnSpPr>
          <p:nvPr/>
        </p:nvCxnSpPr>
        <p:spPr bwMode="auto">
          <a:xfrm flipH="1">
            <a:off x="11129100" y="4764236"/>
            <a:ext cx="158428" cy="339"/>
          </a:xfrm>
          <a:prstGeom prst="straightConnector1">
            <a:avLst/>
          </a:prstGeom>
          <a:noFill/>
          <a:ln w="12700" algn="ctr">
            <a:solidFill>
              <a:srgbClr val="595959"/>
            </a:solidFill>
            <a:miter lim="800000"/>
            <a:headEnd/>
            <a:tailEnd type="triangle" w="sm" len="sm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61" name="Rectangle 60">
            <a:extLst>
              <a:ext uri="{FF2B5EF4-FFF2-40B4-BE49-F238E27FC236}">
                <a16:creationId xmlns:a16="http://schemas.microsoft.com/office/drawing/2014/main" id="{59079101-CA2C-C222-1565-01D39A8DD00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 bwMode="auto">
          <a:xfrm>
            <a:off x="11287528" y="4571403"/>
            <a:ext cx="797649" cy="385665"/>
          </a:xfrm>
          <a:prstGeom prst="rect">
            <a:avLst/>
          </a:prstGeom>
          <a:noFill/>
          <a:ln w="6350" cap="flat" cmpd="sng" algn="ctr">
            <a:noFill/>
            <a:prstDash val="solid"/>
            <a:miter lim="800000"/>
          </a:ln>
          <a:effectLst/>
        </p:spPr>
        <p:txBody>
          <a:bodyPr lIns="45720" tIns="0" bIns="0" anchor="ctr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400" kern="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rPr>
              <a:t>Lower bound</a:t>
            </a:r>
            <a:endParaRPr lang="en-US" sz="1400" kern="0" baseline="-25000">
              <a:solidFill>
                <a:prstClr val="white">
                  <a:lumMod val="50000"/>
                </a:prstClr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cxnSp>
        <p:nvCxnSpPr>
          <p:cNvPr id="66" name="Connector: Curved 65">
            <a:extLst>
              <a:ext uri="{FF2B5EF4-FFF2-40B4-BE49-F238E27FC236}">
                <a16:creationId xmlns:a16="http://schemas.microsoft.com/office/drawing/2014/main" id="{6380813F-916D-1032-7AAB-952121377CAE}"/>
              </a:ext>
            </a:extLst>
          </p:cNvPr>
          <p:cNvCxnSpPr>
            <a:cxnSpLocks/>
            <a:endCxn id="85" idx="1"/>
          </p:cNvCxnSpPr>
          <p:nvPr/>
        </p:nvCxnSpPr>
        <p:spPr bwMode="auto">
          <a:xfrm>
            <a:off x="5298487" y="3914052"/>
            <a:ext cx="1405291" cy="636432"/>
          </a:xfrm>
          <a:prstGeom prst="curvedConnector3">
            <a:avLst>
              <a:gd name="adj1" fmla="val 50000"/>
            </a:avLst>
          </a:prstGeom>
          <a:solidFill>
            <a:schemeClr val="accent1"/>
          </a:solidFill>
          <a:ln w="38100" cap="flat" cmpd="sng" algn="ctr">
            <a:solidFill>
              <a:schemeClr val="accent2"/>
            </a:solidFill>
            <a:prstDash val="dash"/>
            <a:round/>
            <a:headEnd type="none" w="med" len="med"/>
            <a:tailEnd type="triangle"/>
          </a:ln>
          <a:effectLst/>
        </p:spPr>
      </p:cxnSp>
      <p:grpSp>
        <p:nvGrpSpPr>
          <p:cNvPr id="16" name="Group 15">
            <a:extLst>
              <a:ext uri="{FF2B5EF4-FFF2-40B4-BE49-F238E27FC236}">
                <a16:creationId xmlns:a16="http://schemas.microsoft.com/office/drawing/2014/main" id="{4C2F5ED3-6320-824C-75BD-BAEB8182A5BA}"/>
              </a:ext>
            </a:extLst>
          </p:cNvPr>
          <p:cNvGrpSpPr>
            <a:grpSpLocks/>
          </p:cNvGrpSpPr>
          <p:nvPr/>
        </p:nvGrpSpPr>
        <p:grpSpPr bwMode="auto">
          <a:xfrm>
            <a:off x="6708255" y="4366260"/>
            <a:ext cx="4393695" cy="406522"/>
            <a:chOff x="5073161" y="3558504"/>
            <a:chExt cx="1740712" cy="315257"/>
          </a:xfrm>
        </p:grpSpPr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F51049D-236D-C7C9-6700-E7C8C1DBE2BF}"/>
                </a:ext>
              </a:extLst>
            </p:cNvPr>
            <p:cNvSpPr/>
            <p:nvPr/>
          </p:nvSpPr>
          <p:spPr>
            <a:xfrm>
              <a:off x="5073161" y="3558504"/>
              <a:ext cx="1740712" cy="315257"/>
            </a:xfrm>
            <a:prstGeom prst="rect">
              <a:avLst/>
            </a:prstGeom>
            <a:solidFill>
              <a:srgbClr val="ED7D31">
                <a:lumMod val="40000"/>
                <a:lumOff val="60000"/>
              </a:srgb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lIns="45720" tIns="0" bIns="144000" anchor="b"/>
            <a:lstStyle>
              <a:defPPr>
                <a:defRPr lang="fi-FI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9pPr>
            </a:lstStyle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2000" i="1" kern="0" baseline="-2500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endParaRPr>
            </a:p>
          </p:txBody>
        </p:sp>
        <p:cxnSp>
          <p:nvCxnSpPr>
            <p:cNvPr id="18" name="Straight Arrow Connector 17">
              <a:extLst>
                <a:ext uri="{FF2B5EF4-FFF2-40B4-BE49-F238E27FC236}">
                  <a16:creationId xmlns:a16="http://schemas.microsoft.com/office/drawing/2014/main" id="{45056A1D-6264-2007-B820-7D64F4BE2038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5242516" y="3611437"/>
              <a:ext cx="0" cy="180974"/>
            </a:xfrm>
            <a:prstGeom prst="straightConnector1">
              <a:avLst/>
            </a:prstGeom>
            <a:noFill/>
            <a:ln w="22225" algn="ctr">
              <a:solidFill>
                <a:srgbClr val="C55A11"/>
              </a:solidFill>
              <a:miter lim="800000"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1" name="Straight Arrow Connector 20">
              <a:extLst>
                <a:ext uri="{FF2B5EF4-FFF2-40B4-BE49-F238E27FC236}">
                  <a16:creationId xmlns:a16="http://schemas.microsoft.com/office/drawing/2014/main" id="{D797DD8F-200B-A82B-8729-4990FB14B447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678332" y="3611437"/>
              <a:ext cx="0" cy="180974"/>
            </a:xfrm>
            <a:prstGeom prst="straightConnector1">
              <a:avLst/>
            </a:prstGeom>
            <a:noFill/>
            <a:ln w="22225" algn="ctr">
              <a:solidFill>
                <a:srgbClr val="C55A11"/>
              </a:solidFill>
              <a:miter lim="800000"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9" name="Group 58">
            <a:extLst>
              <a:ext uri="{FF2B5EF4-FFF2-40B4-BE49-F238E27FC236}">
                <a16:creationId xmlns:a16="http://schemas.microsoft.com/office/drawing/2014/main" id="{B75BD8A8-37F6-B989-2F38-13B1A45C4712}"/>
              </a:ext>
            </a:extLst>
          </p:cNvPr>
          <p:cNvGrpSpPr>
            <a:grpSpLocks/>
          </p:cNvGrpSpPr>
          <p:nvPr/>
        </p:nvGrpSpPr>
        <p:grpSpPr bwMode="auto">
          <a:xfrm>
            <a:off x="6704525" y="3957871"/>
            <a:ext cx="4397425" cy="406522"/>
            <a:chOff x="5073161" y="3558504"/>
            <a:chExt cx="1737065" cy="315257"/>
          </a:xfrm>
        </p:grpSpPr>
        <p:sp>
          <p:nvSpPr>
            <p:cNvPr id="62" name="Rectangle 61">
              <a:extLst>
                <a:ext uri="{FF2B5EF4-FFF2-40B4-BE49-F238E27FC236}">
                  <a16:creationId xmlns:a16="http://schemas.microsoft.com/office/drawing/2014/main" id="{CDE8D6A9-FB4E-BFF5-A0E6-0E12D11D23CD}"/>
                </a:ext>
              </a:extLst>
            </p:cNvPr>
            <p:cNvSpPr/>
            <p:nvPr/>
          </p:nvSpPr>
          <p:spPr>
            <a:xfrm>
              <a:off x="5073161" y="3558504"/>
              <a:ext cx="1737065" cy="315257"/>
            </a:xfrm>
            <a:prstGeom prst="rect">
              <a:avLst/>
            </a:prstGeom>
            <a:solidFill>
              <a:srgbClr val="ED7D31">
                <a:lumMod val="40000"/>
                <a:lumOff val="60000"/>
              </a:srgb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lIns="45720" tIns="0" bIns="0" anchor="b"/>
            <a:lstStyle>
              <a:defPPr>
                <a:defRPr lang="fi-FI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9pPr>
            </a:lstStyle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1400" i="1" kern="0" baseline="-2500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endParaRPr>
            </a:p>
          </p:txBody>
        </p:sp>
        <p:cxnSp>
          <p:nvCxnSpPr>
            <p:cNvPr id="63" name="Straight Arrow Connector 62">
              <a:extLst>
                <a:ext uri="{FF2B5EF4-FFF2-40B4-BE49-F238E27FC236}">
                  <a16:creationId xmlns:a16="http://schemas.microsoft.com/office/drawing/2014/main" id="{A2AD85CB-2136-A786-37CD-0556EC5CAF9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5242516" y="3611437"/>
              <a:ext cx="0" cy="180974"/>
            </a:xfrm>
            <a:prstGeom prst="straightConnector1">
              <a:avLst/>
            </a:prstGeom>
            <a:noFill/>
            <a:ln w="22225" algn="ctr">
              <a:solidFill>
                <a:srgbClr val="C55A11"/>
              </a:solidFill>
              <a:miter lim="800000"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8" name="Straight Arrow Connector 67">
              <a:extLst>
                <a:ext uri="{FF2B5EF4-FFF2-40B4-BE49-F238E27FC236}">
                  <a16:creationId xmlns:a16="http://schemas.microsoft.com/office/drawing/2014/main" id="{7D338CF5-6ED2-4939-AE85-FA0A05E16059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676024" y="3611437"/>
              <a:ext cx="0" cy="180974"/>
            </a:xfrm>
            <a:prstGeom prst="straightConnector1">
              <a:avLst/>
            </a:prstGeom>
            <a:noFill/>
            <a:ln w="22225" algn="ctr">
              <a:solidFill>
                <a:srgbClr val="C55A11"/>
              </a:solidFill>
              <a:miter lim="800000"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0" name="Group 69">
            <a:extLst>
              <a:ext uri="{FF2B5EF4-FFF2-40B4-BE49-F238E27FC236}">
                <a16:creationId xmlns:a16="http://schemas.microsoft.com/office/drawing/2014/main" id="{1264A161-3456-247F-7A5A-7EEBFF9C7A27}"/>
              </a:ext>
            </a:extLst>
          </p:cNvPr>
          <p:cNvGrpSpPr>
            <a:grpSpLocks/>
          </p:cNvGrpSpPr>
          <p:nvPr/>
        </p:nvGrpSpPr>
        <p:grpSpPr bwMode="auto">
          <a:xfrm>
            <a:off x="6704525" y="3547005"/>
            <a:ext cx="4397425" cy="406522"/>
            <a:chOff x="5073161" y="3558504"/>
            <a:chExt cx="1737065" cy="315257"/>
          </a:xfrm>
        </p:grpSpPr>
        <p:sp>
          <p:nvSpPr>
            <p:cNvPr id="71" name="Rectangle 70">
              <a:extLst>
                <a:ext uri="{FF2B5EF4-FFF2-40B4-BE49-F238E27FC236}">
                  <a16:creationId xmlns:a16="http://schemas.microsoft.com/office/drawing/2014/main" id="{C3E0EF5D-A7CB-0157-A2B4-C78394915130}"/>
                </a:ext>
              </a:extLst>
            </p:cNvPr>
            <p:cNvSpPr/>
            <p:nvPr/>
          </p:nvSpPr>
          <p:spPr>
            <a:xfrm>
              <a:off x="5073161" y="3558504"/>
              <a:ext cx="1737065" cy="315257"/>
            </a:xfrm>
            <a:prstGeom prst="rect">
              <a:avLst/>
            </a:prstGeom>
            <a:solidFill>
              <a:srgbClr val="ED7D31">
                <a:lumMod val="40000"/>
                <a:lumOff val="60000"/>
              </a:srgb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lIns="45720" tIns="0" bIns="0" anchor="b"/>
            <a:lstStyle>
              <a:defPPr>
                <a:defRPr lang="fi-FI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9pPr>
            </a:lstStyle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1400" i="1" kern="0" baseline="-2500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endParaRPr>
            </a:p>
          </p:txBody>
        </p:sp>
        <p:cxnSp>
          <p:nvCxnSpPr>
            <p:cNvPr id="73" name="Straight Arrow Connector 72">
              <a:extLst>
                <a:ext uri="{FF2B5EF4-FFF2-40B4-BE49-F238E27FC236}">
                  <a16:creationId xmlns:a16="http://schemas.microsoft.com/office/drawing/2014/main" id="{E4A9180E-92A4-D0E1-A9A9-6CB2353B04BD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5242516" y="3611437"/>
              <a:ext cx="0" cy="180974"/>
            </a:xfrm>
            <a:prstGeom prst="straightConnector1">
              <a:avLst/>
            </a:prstGeom>
            <a:noFill/>
            <a:ln w="22225" algn="ctr">
              <a:solidFill>
                <a:srgbClr val="C55A11"/>
              </a:solidFill>
              <a:miter lim="800000"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8" name="Straight Arrow Connector 77">
              <a:extLst>
                <a:ext uri="{FF2B5EF4-FFF2-40B4-BE49-F238E27FC236}">
                  <a16:creationId xmlns:a16="http://schemas.microsoft.com/office/drawing/2014/main" id="{4CB65DD8-F7DD-C69A-6FD3-247935201812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674006" y="3611437"/>
              <a:ext cx="0" cy="180974"/>
            </a:xfrm>
            <a:prstGeom prst="straightConnector1">
              <a:avLst/>
            </a:prstGeom>
            <a:noFill/>
            <a:ln w="22225" algn="ctr">
              <a:solidFill>
                <a:srgbClr val="C55A11"/>
              </a:solidFill>
              <a:miter lim="800000"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9" name="Group 78">
            <a:extLst>
              <a:ext uri="{FF2B5EF4-FFF2-40B4-BE49-F238E27FC236}">
                <a16:creationId xmlns:a16="http://schemas.microsoft.com/office/drawing/2014/main" id="{779FC382-544A-8F29-3B60-CDB5A8DDAA80}"/>
              </a:ext>
            </a:extLst>
          </p:cNvPr>
          <p:cNvGrpSpPr>
            <a:grpSpLocks/>
          </p:cNvGrpSpPr>
          <p:nvPr/>
        </p:nvGrpSpPr>
        <p:grpSpPr bwMode="auto">
          <a:xfrm>
            <a:off x="6707204" y="3142637"/>
            <a:ext cx="4397425" cy="406522"/>
            <a:chOff x="5073161" y="3558504"/>
            <a:chExt cx="1737065" cy="315257"/>
          </a:xfrm>
        </p:grpSpPr>
        <p:sp>
          <p:nvSpPr>
            <p:cNvPr id="80" name="Rectangle 79">
              <a:extLst>
                <a:ext uri="{FF2B5EF4-FFF2-40B4-BE49-F238E27FC236}">
                  <a16:creationId xmlns:a16="http://schemas.microsoft.com/office/drawing/2014/main" id="{14BDD1AA-D34E-D941-6F70-A0D9D8542C5C}"/>
                </a:ext>
              </a:extLst>
            </p:cNvPr>
            <p:cNvSpPr/>
            <p:nvPr/>
          </p:nvSpPr>
          <p:spPr>
            <a:xfrm>
              <a:off x="5073161" y="3558504"/>
              <a:ext cx="1737065" cy="315257"/>
            </a:xfrm>
            <a:prstGeom prst="rect">
              <a:avLst/>
            </a:prstGeom>
            <a:solidFill>
              <a:srgbClr val="ED7D31">
                <a:lumMod val="40000"/>
                <a:lumOff val="60000"/>
              </a:srgbClr>
            </a:solidFill>
            <a:ln w="6350" cap="flat" cmpd="sng" algn="ctr">
              <a:noFill/>
              <a:prstDash val="solid"/>
              <a:miter lim="800000"/>
            </a:ln>
            <a:effectLst/>
          </p:spPr>
          <p:txBody>
            <a:bodyPr lIns="45720" tIns="0" bIns="0" anchor="b"/>
            <a:lstStyle>
              <a:defPPr>
                <a:defRPr lang="fi-FI"/>
              </a:defPPr>
              <a:lvl1pPr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1pPr>
              <a:lvl2pPr marL="4572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2pPr>
              <a:lvl3pPr marL="9144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3pPr>
              <a:lvl4pPr marL="13716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4pPr>
              <a:lvl5pPr marL="1828800" algn="l" rtl="0" eaLnBrk="0" fontAlgn="base" hangingPunct="0">
                <a:spcBef>
                  <a:spcPct val="0"/>
                </a:spcBef>
                <a:spcAft>
                  <a:spcPct val="0"/>
                </a:spcAft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kern="1200">
                  <a:solidFill>
                    <a:schemeClr val="tx1"/>
                  </a:solidFill>
                  <a:latin typeface="Arial" panose="020B0604020202020204" pitchFamily="34" charset="0"/>
                  <a:ea typeface="+mn-ea"/>
                  <a:cs typeface="+mn-cs"/>
                </a:defRPr>
              </a:lvl9pPr>
            </a:lstStyle>
            <a:p>
              <a:pPr algn="ctr" eaLnBrk="1" fontAlgn="auto" hangingPunct="1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1400" i="1" kern="0" baseline="-2500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endParaRPr>
            </a:p>
          </p:txBody>
        </p:sp>
        <p:cxnSp>
          <p:nvCxnSpPr>
            <p:cNvPr id="81" name="Straight Arrow Connector 80">
              <a:extLst>
                <a:ext uri="{FF2B5EF4-FFF2-40B4-BE49-F238E27FC236}">
                  <a16:creationId xmlns:a16="http://schemas.microsoft.com/office/drawing/2014/main" id="{4F87F7DA-A82E-A67D-8755-640C54694E8C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5242516" y="3611437"/>
              <a:ext cx="0" cy="180974"/>
            </a:xfrm>
            <a:prstGeom prst="straightConnector1">
              <a:avLst/>
            </a:prstGeom>
            <a:noFill/>
            <a:ln w="22225" algn="ctr">
              <a:solidFill>
                <a:srgbClr val="C55A11"/>
              </a:solidFill>
              <a:miter lim="800000"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84" name="Straight Arrow Connector 83">
              <a:extLst>
                <a:ext uri="{FF2B5EF4-FFF2-40B4-BE49-F238E27FC236}">
                  <a16:creationId xmlns:a16="http://schemas.microsoft.com/office/drawing/2014/main" id="{345774E7-EA64-6F6C-F4D3-5858AAB014FA}"/>
                </a:ext>
              </a:extLst>
            </p:cNvPr>
            <p:cNvCxnSpPr>
              <a:cxnSpLocks/>
            </p:cNvCxnSpPr>
            <p:nvPr/>
          </p:nvCxnSpPr>
          <p:spPr bwMode="auto">
            <a:xfrm flipV="1">
              <a:off x="6674006" y="3611437"/>
              <a:ext cx="0" cy="180974"/>
            </a:xfrm>
            <a:prstGeom prst="straightConnector1">
              <a:avLst/>
            </a:prstGeom>
            <a:noFill/>
            <a:ln w="22225" algn="ctr">
              <a:solidFill>
                <a:srgbClr val="C55A11"/>
              </a:solidFill>
              <a:miter lim="800000"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32" name="Rectangle 31">
            <a:extLst>
              <a:ext uri="{FF2B5EF4-FFF2-40B4-BE49-F238E27FC236}">
                <a16:creationId xmlns:a16="http://schemas.microsoft.com/office/drawing/2014/main" id="{ECAF1ECC-61B3-8B8F-586C-DC8AF1228738}"/>
              </a:ext>
            </a:extLst>
          </p:cNvPr>
          <p:cNvSpPr/>
          <p:nvPr/>
        </p:nvSpPr>
        <p:spPr bwMode="auto">
          <a:xfrm>
            <a:off x="6694627" y="3133308"/>
            <a:ext cx="4416351" cy="1627793"/>
          </a:xfrm>
          <a:prstGeom prst="rect">
            <a:avLst/>
          </a:prstGeom>
          <a:noFill/>
          <a:ln w="19050" cap="flat" cmpd="sng" algn="ctr">
            <a:solidFill>
              <a:sysClr val="windowText" lastClr="000000"/>
            </a:solidFill>
            <a:prstDash val="dash"/>
            <a:miter lim="800000"/>
          </a:ln>
          <a:effectLst/>
        </p:spPr>
        <p:txBody>
          <a:bodyPr lIns="45720" tIns="0" bIns="0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 sz="1400" kern="0" baseline="-25000">
              <a:solidFill>
                <a:prstClr val="black"/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sp>
        <p:nvSpPr>
          <p:cNvPr id="85" name="Rectangle 84">
            <a:extLst>
              <a:ext uri="{FF2B5EF4-FFF2-40B4-BE49-F238E27FC236}">
                <a16:creationId xmlns:a16="http://schemas.microsoft.com/office/drawing/2014/main" id="{B0328753-24D0-8029-8125-11D4D5D1245C}"/>
              </a:ext>
            </a:extLst>
          </p:cNvPr>
          <p:cNvSpPr/>
          <p:nvPr/>
        </p:nvSpPr>
        <p:spPr bwMode="auto">
          <a:xfrm>
            <a:off x="6703778" y="4347223"/>
            <a:ext cx="4393695" cy="406522"/>
          </a:xfrm>
          <a:prstGeom prst="rect">
            <a:avLst/>
          </a:prstGeom>
          <a:solidFill>
            <a:srgbClr val="ED7D31">
              <a:lumMod val="40000"/>
              <a:lumOff val="60000"/>
            </a:srgb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lIns="45720" tIns="0" bIns="0" anchor="b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 sz="1400" i="1" kern="0" baseline="-25000">
              <a:solidFill>
                <a:prstClr val="black"/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19646CC6-D784-1821-937B-582FBDBD5409}"/>
              </a:ext>
            </a:extLst>
          </p:cNvPr>
          <p:cNvSpPr/>
          <p:nvPr/>
        </p:nvSpPr>
        <p:spPr bwMode="auto">
          <a:xfrm>
            <a:off x="6703777" y="3939792"/>
            <a:ext cx="4393695" cy="406522"/>
          </a:xfrm>
          <a:prstGeom prst="rect">
            <a:avLst/>
          </a:prstGeom>
          <a:solidFill>
            <a:srgbClr val="ED7D31">
              <a:lumMod val="40000"/>
              <a:lumOff val="60000"/>
            </a:srgb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lIns="45720" tIns="0" bIns="0" anchor="b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 sz="1400" i="1" kern="0" baseline="-25000">
              <a:solidFill>
                <a:prstClr val="black"/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sp>
        <p:nvSpPr>
          <p:cNvPr id="87" name="Rectangle 86">
            <a:extLst>
              <a:ext uri="{FF2B5EF4-FFF2-40B4-BE49-F238E27FC236}">
                <a16:creationId xmlns:a16="http://schemas.microsoft.com/office/drawing/2014/main" id="{E799ED47-8102-9CF5-E193-7FE660B59B38}"/>
              </a:ext>
            </a:extLst>
          </p:cNvPr>
          <p:cNvSpPr/>
          <p:nvPr/>
        </p:nvSpPr>
        <p:spPr bwMode="auto">
          <a:xfrm>
            <a:off x="6703776" y="3537521"/>
            <a:ext cx="4393695" cy="406522"/>
          </a:xfrm>
          <a:prstGeom prst="rect">
            <a:avLst/>
          </a:prstGeom>
          <a:solidFill>
            <a:srgbClr val="ED7D31">
              <a:lumMod val="40000"/>
              <a:lumOff val="60000"/>
            </a:srgbClr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lIns="45720" tIns="0" bIns="0" anchor="b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algn="ctr"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endParaRPr lang="en-US" sz="1400" i="1" kern="0" baseline="-25000">
              <a:solidFill>
                <a:prstClr val="black"/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sp>
        <p:nvSpPr>
          <p:cNvPr id="89" name="Writabel Memory Area">
            <a:extLst>
              <a:ext uri="{FF2B5EF4-FFF2-40B4-BE49-F238E27FC236}">
                <a16:creationId xmlns:a16="http://schemas.microsoft.com/office/drawing/2014/main" id="{A6959921-2EF9-341F-76B8-1A857CD009DE}"/>
              </a:ext>
            </a:extLst>
          </p:cNvPr>
          <p:cNvSpPr txBox="1"/>
          <p:nvPr/>
        </p:nvSpPr>
        <p:spPr>
          <a:xfrm>
            <a:off x="6700660" y="3756112"/>
            <a:ext cx="4385026" cy="384013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b="0" i="1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Writable memory area</a:t>
            </a:r>
          </a:p>
        </p:txBody>
      </p:sp>
      <p:cxnSp>
        <p:nvCxnSpPr>
          <p:cNvPr id="90" name="Operation bound #2">
            <a:extLst>
              <a:ext uri="{FF2B5EF4-FFF2-40B4-BE49-F238E27FC236}">
                <a16:creationId xmlns:a16="http://schemas.microsoft.com/office/drawing/2014/main" id="{A7478EC0-11D4-5932-49D6-CF23ADFDAFE3}"/>
              </a:ext>
            </a:extLst>
          </p:cNvPr>
          <p:cNvCxnSpPr>
            <a:cxnSpLocks/>
          </p:cNvCxnSpPr>
          <p:nvPr/>
        </p:nvCxnSpPr>
        <p:spPr bwMode="auto">
          <a:xfrm flipH="1">
            <a:off x="11132500" y="3956535"/>
            <a:ext cx="158428" cy="59"/>
          </a:xfrm>
          <a:prstGeom prst="straightConnector1">
            <a:avLst/>
          </a:prstGeom>
          <a:noFill/>
          <a:ln w="12700" algn="ctr">
            <a:solidFill>
              <a:srgbClr val="595959"/>
            </a:solidFill>
            <a:miter lim="800000"/>
            <a:headEnd/>
            <a:tailEnd type="triangle" w="sm" len="sm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1" name="Operation bound #2 label">
            <a:extLst>
              <a:ext uri="{FF2B5EF4-FFF2-40B4-BE49-F238E27FC236}">
                <a16:creationId xmlns:a16="http://schemas.microsoft.com/office/drawing/2014/main" id="{2CDB0A46-9FA6-737A-BFAD-DEFFAB6D05E1}"/>
              </a:ext>
            </a:extLst>
          </p:cNvPr>
          <p:cNvSpPr/>
          <p:nvPr/>
        </p:nvSpPr>
        <p:spPr bwMode="auto">
          <a:xfrm>
            <a:off x="11287528" y="4171559"/>
            <a:ext cx="971799" cy="385668"/>
          </a:xfrm>
          <a:prstGeom prst="rect">
            <a:avLst/>
          </a:prstGeom>
          <a:noFill/>
          <a:ln w="6350" cap="flat" cmpd="sng" algn="ctr">
            <a:noFill/>
            <a:prstDash val="solid"/>
            <a:miter lim="800000"/>
          </a:ln>
          <a:effectLst/>
        </p:spPr>
        <p:txBody>
          <a:bodyPr lIns="45720" tIns="0" bIns="0" anchor="ctr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400" kern="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rPr>
              <a:t>Operation bound</a:t>
            </a:r>
            <a:endParaRPr lang="en-US" sz="1400" kern="0" baseline="-25000">
              <a:solidFill>
                <a:prstClr val="white">
                  <a:lumMod val="50000"/>
                </a:prstClr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cxnSp>
        <p:nvCxnSpPr>
          <p:cNvPr id="99" name="Operation bound #3">
            <a:extLst>
              <a:ext uri="{FF2B5EF4-FFF2-40B4-BE49-F238E27FC236}">
                <a16:creationId xmlns:a16="http://schemas.microsoft.com/office/drawing/2014/main" id="{2C851C2B-A31A-A7DD-E994-F0235BFBBCB6}"/>
              </a:ext>
            </a:extLst>
          </p:cNvPr>
          <p:cNvCxnSpPr>
            <a:cxnSpLocks/>
          </p:cNvCxnSpPr>
          <p:nvPr/>
        </p:nvCxnSpPr>
        <p:spPr bwMode="auto">
          <a:xfrm flipH="1">
            <a:off x="11132500" y="3554289"/>
            <a:ext cx="158428" cy="59"/>
          </a:xfrm>
          <a:prstGeom prst="straightConnector1">
            <a:avLst/>
          </a:prstGeom>
          <a:noFill/>
          <a:ln w="12700" algn="ctr">
            <a:solidFill>
              <a:srgbClr val="595959"/>
            </a:solidFill>
            <a:miter lim="800000"/>
            <a:headEnd/>
            <a:tailEnd type="triangle" w="sm" len="sm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00" name="Operation bound # 3label">
            <a:extLst>
              <a:ext uri="{FF2B5EF4-FFF2-40B4-BE49-F238E27FC236}">
                <a16:creationId xmlns:a16="http://schemas.microsoft.com/office/drawing/2014/main" id="{0B4A4293-BB57-7C6D-77DF-E06A813BA349}"/>
              </a:ext>
            </a:extLst>
          </p:cNvPr>
          <p:cNvSpPr/>
          <p:nvPr/>
        </p:nvSpPr>
        <p:spPr bwMode="auto">
          <a:xfrm>
            <a:off x="11287528" y="3769313"/>
            <a:ext cx="971799" cy="385668"/>
          </a:xfrm>
          <a:prstGeom prst="rect">
            <a:avLst/>
          </a:prstGeom>
          <a:noFill/>
          <a:ln w="6350" cap="flat" cmpd="sng" algn="ctr">
            <a:noFill/>
            <a:prstDash val="solid"/>
            <a:miter lim="800000"/>
          </a:ln>
          <a:effectLst/>
        </p:spPr>
        <p:txBody>
          <a:bodyPr lIns="45720" tIns="0" bIns="0" anchor="ctr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400" kern="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rPr>
              <a:t>Operation bound</a:t>
            </a:r>
            <a:endParaRPr lang="en-US" sz="1400" kern="0" baseline="-25000">
              <a:solidFill>
                <a:prstClr val="white">
                  <a:lumMod val="50000"/>
                </a:prstClr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cxnSp>
        <p:nvCxnSpPr>
          <p:cNvPr id="101" name="Operation bound #4">
            <a:extLst>
              <a:ext uri="{FF2B5EF4-FFF2-40B4-BE49-F238E27FC236}">
                <a16:creationId xmlns:a16="http://schemas.microsoft.com/office/drawing/2014/main" id="{78C2360E-F623-BAA2-7D11-83F3A36824E6}"/>
              </a:ext>
            </a:extLst>
          </p:cNvPr>
          <p:cNvCxnSpPr>
            <a:cxnSpLocks/>
          </p:cNvCxnSpPr>
          <p:nvPr/>
        </p:nvCxnSpPr>
        <p:spPr bwMode="auto">
          <a:xfrm flipH="1">
            <a:off x="11127791" y="3142637"/>
            <a:ext cx="158428" cy="59"/>
          </a:xfrm>
          <a:prstGeom prst="straightConnector1">
            <a:avLst/>
          </a:prstGeom>
          <a:noFill/>
          <a:ln w="12700" algn="ctr">
            <a:solidFill>
              <a:srgbClr val="595959"/>
            </a:solidFill>
            <a:miter lim="800000"/>
            <a:headEnd/>
            <a:tailEnd type="triangle" w="sm" len="sm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102" name="Operation bound #4 label">
            <a:extLst>
              <a:ext uri="{FF2B5EF4-FFF2-40B4-BE49-F238E27FC236}">
                <a16:creationId xmlns:a16="http://schemas.microsoft.com/office/drawing/2014/main" id="{E47D0A29-F2D9-387D-2F50-3F194833D63A}"/>
              </a:ext>
            </a:extLst>
          </p:cNvPr>
          <p:cNvSpPr/>
          <p:nvPr/>
        </p:nvSpPr>
        <p:spPr bwMode="auto">
          <a:xfrm>
            <a:off x="11287528" y="3359647"/>
            <a:ext cx="971799" cy="385668"/>
          </a:xfrm>
          <a:prstGeom prst="rect">
            <a:avLst/>
          </a:prstGeom>
          <a:noFill/>
          <a:ln w="6350" cap="flat" cmpd="sng" algn="ctr">
            <a:noFill/>
            <a:prstDash val="solid"/>
            <a:miter lim="800000"/>
          </a:ln>
          <a:effectLst/>
        </p:spPr>
        <p:txBody>
          <a:bodyPr lIns="45720" tIns="0" bIns="0" anchor="ctr"/>
          <a:lstStyle>
            <a:defPPr>
              <a:defRPr lang="fi-FI"/>
            </a:defPPr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1pPr>
            <a:lvl2pPr marL="4572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2pPr>
            <a:lvl3pPr marL="9144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3pPr>
            <a:lvl4pPr marL="13716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4pPr>
            <a:lvl5pPr marL="1828800" algn="l" rtl="0" eaLnBrk="0" fontAlgn="base" hangingPunct="0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+mn-cs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400" kern="0">
                <a:solidFill>
                  <a:prstClr val="black"/>
                </a:solidFill>
                <a:latin typeface="+mn-lt"/>
                <a:ea typeface="Linux Libertine" panose="02000503000000000000" pitchFamily="2" charset="0"/>
                <a:cs typeface="Linux Libertine" panose="02000503000000000000" pitchFamily="2" charset="0"/>
              </a:rPr>
              <a:t>Operation bound</a:t>
            </a:r>
            <a:endParaRPr lang="en-US" sz="1400" kern="0" baseline="-25000">
              <a:solidFill>
                <a:prstClr val="white">
                  <a:lumMod val="50000"/>
                </a:prstClr>
              </a:solidFill>
              <a:latin typeface="+mn-lt"/>
              <a:ea typeface="Linux Libertine" panose="02000503000000000000" pitchFamily="2" charset="0"/>
              <a:cs typeface="Linux Libertine" panose="02000503000000000000" pitchFamily="2" charset="0"/>
            </a:endParaRPr>
          </a:p>
        </p:txBody>
      </p:sp>
      <p:sp>
        <p:nvSpPr>
          <p:cNvPr id="103" name="Readable Memory Area #2">
            <a:extLst>
              <a:ext uri="{FF2B5EF4-FFF2-40B4-BE49-F238E27FC236}">
                <a16:creationId xmlns:a16="http://schemas.microsoft.com/office/drawing/2014/main" id="{B3E096B6-0D74-BA81-1E23-BCCF33CD9C2C}"/>
              </a:ext>
            </a:extLst>
          </p:cNvPr>
          <p:cNvSpPr txBox="1"/>
          <p:nvPr/>
        </p:nvSpPr>
        <p:spPr>
          <a:xfrm>
            <a:off x="6710365" y="4380222"/>
            <a:ext cx="4385026" cy="384013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i="1" kern="1000" spc="-3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Writable and Readable</a:t>
            </a:r>
            <a:r>
              <a:rPr kumimoji="0" lang="en-US" b="0" i="1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memory area</a:t>
            </a:r>
          </a:p>
        </p:txBody>
      </p:sp>
      <p:sp>
        <p:nvSpPr>
          <p:cNvPr id="105" name="Readable Memory Area #3">
            <a:extLst>
              <a:ext uri="{FF2B5EF4-FFF2-40B4-BE49-F238E27FC236}">
                <a16:creationId xmlns:a16="http://schemas.microsoft.com/office/drawing/2014/main" id="{41FC099B-0CEF-927A-9CF0-FA6E6A4DA557}"/>
              </a:ext>
            </a:extLst>
          </p:cNvPr>
          <p:cNvSpPr txBox="1"/>
          <p:nvPr/>
        </p:nvSpPr>
        <p:spPr>
          <a:xfrm>
            <a:off x="6707204" y="4041770"/>
            <a:ext cx="4385026" cy="384013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ct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i="1" kern="1000" spc="-30">
                <a:solidFill>
                  <a:schemeClr val="tx1"/>
                </a:solidFill>
                <a:latin typeface="Ericsson Hilda"/>
              </a:rPr>
              <a:t>Writable and </a:t>
            </a:r>
            <a:r>
              <a:rPr lang="en-US" i="1" kern="1000" spc="-3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Readable</a:t>
            </a:r>
            <a:r>
              <a:rPr kumimoji="0" lang="en-US" b="0" i="1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memory area</a:t>
            </a:r>
          </a:p>
        </p:txBody>
      </p:sp>
      <p:cxnSp>
        <p:nvCxnSpPr>
          <p:cNvPr id="6" name="Connector: Curved 5">
            <a:extLst>
              <a:ext uri="{FF2B5EF4-FFF2-40B4-BE49-F238E27FC236}">
                <a16:creationId xmlns:a16="http://schemas.microsoft.com/office/drawing/2014/main" id="{CBE83AEE-6934-64C9-652E-8BEA8D7DC25A}"/>
              </a:ext>
            </a:extLst>
          </p:cNvPr>
          <p:cNvCxnSpPr>
            <a:cxnSpLocks/>
            <a:endCxn id="105" idx="1"/>
          </p:cNvCxnSpPr>
          <p:nvPr/>
        </p:nvCxnSpPr>
        <p:spPr bwMode="auto">
          <a:xfrm>
            <a:off x="5298487" y="3914052"/>
            <a:ext cx="1408717" cy="319725"/>
          </a:xfrm>
          <a:prstGeom prst="curvedConnector3">
            <a:avLst>
              <a:gd name="adj1" fmla="val 50000"/>
            </a:avLst>
          </a:prstGeom>
          <a:solidFill>
            <a:schemeClr val="accent1"/>
          </a:solidFill>
          <a:ln w="38100" cap="flat" cmpd="sng" algn="ctr">
            <a:solidFill>
              <a:schemeClr val="accent2"/>
            </a:solidFill>
            <a:prstDash val="dash"/>
            <a:round/>
            <a:headEnd type="none" w="med" len="med"/>
            <a:tailEnd type="triangle"/>
          </a:ln>
          <a:effectLst/>
        </p:spPr>
      </p:cxnSp>
      <p:cxnSp>
        <p:nvCxnSpPr>
          <p:cNvPr id="13" name="Connector: Curved 12">
            <a:extLst>
              <a:ext uri="{FF2B5EF4-FFF2-40B4-BE49-F238E27FC236}">
                <a16:creationId xmlns:a16="http://schemas.microsoft.com/office/drawing/2014/main" id="{DEF55BD3-AB9E-38F3-5675-E6D61575EDB6}"/>
              </a:ext>
            </a:extLst>
          </p:cNvPr>
          <p:cNvCxnSpPr>
            <a:cxnSpLocks/>
            <a:endCxn id="87" idx="1"/>
          </p:cNvCxnSpPr>
          <p:nvPr/>
        </p:nvCxnSpPr>
        <p:spPr bwMode="auto">
          <a:xfrm flipV="1">
            <a:off x="5298487" y="3740782"/>
            <a:ext cx="1405289" cy="173270"/>
          </a:xfrm>
          <a:prstGeom prst="curvedConnector3">
            <a:avLst>
              <a:gd name="adj1" fmla="val 50000"/>
            </a:avLst>
          </a:prstGeom>
          <a:solidFill>
            <a:schemeClr val="accent1"/>
          </a:solidFill>
          <a:ln w="38100" cap="flat" cmpd="sng" algn="ctr">
            <a:solidFill>
              <a:schemeClr val="accent2"/>
            </a:solidFill>
            <a:prstDash val="dash"/>
            <a:round/>
            <a:headEnd type="none" w="med" len="med"/>
            <a:tailEnd type="triangle"/>
          </a:ln>
          <a:effectLst/>
        </p:spPr>
      </p:cxnSp>
      <p:cxnSp>
        <p:nvCxnSpPr>
          <p:cNvPr id="28" name="Connector: Curved 27">
            <a:extLst>
              <a:ext uri="{FF2B5EF4-FFF2-40B4-BE49-F238E27FC236}">
                <a16:creationId xmlns:a16="http://schemas.microsoft.com/office/drawing/2014/main" id="{A22F4616-58A4-C7DA-63A5-2EB7F2DB438F}"/>
              </a:ext>
            </a:extLst>
          </p:cNvPr>
          <p:cNvCxnSpPr>
            <a:cxnSpLocks/>
            <a:endCxn id="80" idx="1"/>
          </p:cNvCxnSpPr>
          <p:nvPr/>
        </p:nvCxnSpPr>
        <p:spPr bwMode="auto">
          <a:xfrm flipV="1">
            <a:off x="5298487" y="3345898"/>
            <a:ext cx="1408717" cy="568152"/>
          </a:xfrm>
          <a:prstGeom prst="curvedConnector3">
            <a:avLst>
              <a:gd name="adj1" fmla="val 50000"/>
            </a:avLst>
          </a:prstGeom>
          <a:solidFill>
            <a:schemeClr val="accent1"/>
          </a:solidFill>
          <a:ln w="38100" cap="flat" cmpd="sng" algn="ctr">
            <a:solidFill>
              <a:schemeClr val="accent2"/>
            </a:solidFill>
            <a:prstDash val="dash"/>
            <a:round/>
            <a:headEnd type="none" w="med" len="med"/>
            <a:tailEnd type="triangle"/>
          </a:ln>
          <a:effectLst/>
        </p:spPr>
      </p:cxnSp>
      <p:sp>
        <p:nvSpPr>
          <p:cNvPr id="58" name="Rectangle 57">
            <a:extLst>
              <a:ext uri="{FF2B5EF4-FFF2-40B4-BE49-F238E27FC236}">
                <a16:creationId xmlns:a16="http://schemas.microsoft.com/office/drawing/2014/main" id="{0E85A4CE-B1C2-1321-A2E4-4D5BE27FF557}"/>
              </a:ext>
            </a:extLst>
          </p:cNvPr>
          <p:cNvSpPr/>
          <p:nvPr/>
        </p:nvSpPr>
        <p:spPr>
          <a:xfrm>
            <a:off x="479364" y="3763848"/>
            <a:ext cx="1328483" cy="30040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800">
                <a:solidFill>
                  <a:srgbClr val="FF0000"/>
                </a:solidFill>
              </a:rPr>
              <a:t>operation bound</a:t>
            </a:r>
          </a:p>
        </p:txBody>
      </p:sp>
    </p:spTree>
    <p:extLst>
      <p:ext uri="{BB962C8B-B14F-4D97-AF65-F5344CB8AC3E}">
        <p14:creationId xmlns:p14="http://schemas.microsoft.com/office/powerpoint/2010/main" val="22347532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path" presetSubtype="0" accel="50000" decel="5000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11022E-16 0.05787 L 1.11022E-16 -4.07407E-6 " pathEditMode="relative" rAng="0" ptsTypes="AA">
                                      <p:cBhvr>
                                        <p:cTn id="6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894"/>
                                    </p:animMotion>
                                  </p:childTnLst>
                                </p:cTn>
                              </p:par>
                              <p:par>
                                <p:cTn id="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2000"/>
                            </p:stCondLst>
                            <p:childTnLst>
                              <p:par>
                                <p:cTn id="14" presetID="10" presetClass="entr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3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25E-6 0.05787 L -1.25E-6 -1.85185E-6 " pathEditMode="relative" rAng="0" ptsTypes="AA">
                                      <p:cBhvr>
                                        <p:cTn id="36" dur="20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894"/>
                                    </p:animMotion>
                                  </p:childTnLst>
                                </p:cTn>
                              </p:par>
                              <p:par>
                                <p:cTn id="3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5E-6 -2.59259E-6 L 0.0004 -0.05926 " pathEditMode="relative" rAng="0" ptsTypes="AA">
                                      <p:cBhvr>
                                        <p:cTn id="38" dur="2000" fill="hold"/>
                                        <p:tgtEl>
                                          <p:spTgt spid="9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" y="-2963"/>
                                    </p:animMotion>
                                  </p:childTnLst>
                                </p:cTn>
                              </p:par>
                              <p:par>
                                <p:cTn id="39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66667E-6 3.33333E-6 L 0.00013 -0.04561 " pathEditMode="relative" rAng="0" ptsTypes="AA">
                                      <p:cBhvr>
                                        <p:cTn id="40" dur="2000" fill="hold"/>
                                        <p:tgtEl>
                                          <p:spTgt spid="10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292"/>
                                    </p:animMotion>
                                  </p:childTnLst>
                                </p:cTn>
                              </p:par>
                              <p:par>
                                <p:cTn id="41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91667E-6 -4.44444E-6 L 0.00117 -0.08935 " pathEditMode="relative" rAng="0" ptsTypes="AA">
                                      <p:cBhvr>
                                        <p:cTn id="42" dur="2000" fill="hold"/>
                                        <p:tgtEl>
                                          <p:spTgt spid="8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52" y="-4468"/>
                                    </p:animMotion>
                                  </p:childTnLst>
                                </p:cTn>
                              </p:par>
                              <p:par>
                                <p:cTn id="4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6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8" fill="hold">
                      <p:stCondLst>
                        <p:cond delay="indefinite"/>
                      </p:stCondLst>
                      <p:childTnLst>
                        <p:par>
                          <p:cTn id="49" fill="hold">
                            <p:stCondLst>
                              <p:cond delay="0"/>
                            </p:stCondLst>
                            <p:childTnLst>
                              <p:par>
                                <p:cTn id="50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2" dur="500"/>
                                        <p:tgtEl>
                                          <p:spTgt spid="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1" presetClass="exit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0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2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4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25E-6 0.05787 L -1.25E-6 2.96296E-6 " pathEditMode="relative" rAng="0" ptsTypes="AA">
                                      <p:cBhvr>
                                        <p:cTn id="75" dur="2000" fill="hold"/>
                                        <p:tgtEl>
                                          <p:spTgt spid="9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894"/>
                                    </p:animMotion>
                                  </p:childTnLst>
                                </p:cTn>
                              </p:par>
                              <p:par>
                                <p:cTn id="76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5E-6 3.7037E-6 L 0.0004 -0.05926 " pathEditMode="relative" rAng="0" ptsTypes="AA">
                                      <p:cBhvr>
                                        <p:cTn id="77" dur="2000" fill="hold"/>
                                        <p:tgtEl>
                                          <p:spTgt spid="10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" y="-2963"/>
                                    </p:animMotion>
                                  </p:childTnLst>
                                </p:cTn>
                              </p:par>
                              <p:par>
                                <p:cTn id="78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08333E-6 -1.11111E-6 L 0.00013 -0.0456 " pathEditMode="relative" rAng="0" ptsTypes="AA">
                                      <p:cBhvr>
                                        <p:cTn id="79" dur="2000" fill="hold"/>
                                        <p:tgtEl>
                                          <p:spTgt spid="10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292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0" fill="hold">
                      <p:stCondLst>
                        <p:cond delay="indefinite"/>
                      </p:stCondLst>
                      <p:childTnLst>
                        <p:par>
                          <p:cTn id="81" fill="hold">
                            <p:stCondLst>
                              <p:cond delay="0"/>
                            </p:stCondLst>
                            <p:childTnLst>
                              <p:par>
                                <p:cTn id="82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8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1" dur="500"/>
                                        <p:tgtEl>
                                          <p:spTgt spid="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4" dur="5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7" presetID="1" presetClass="exit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9" presetID="10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0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2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0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05" presetID="42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6.25E-7 0.05787 L -6.25E-7 -3.33333E-6 " pathEditMode="relative" rAng="0" ptsTypes="AA">
                                      <p:cBhvr>
                                        <p:cTn id="106" dur="2000" fill="hold"/>
                                        <p:tgtEl>
                                          <p:spTgt spid="10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0" y="-2894"/>
                                    </p:animMotion>
                                  </p:childTnLst>
                                </p:cTn>
                              </p:par>
                              <p:par>
                                <p:cTn id="107" presetID="42" presetClass="path" presetSubtype="0" accel="50000" decel="5000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5E-6 -4.07407E-6 L 0.0004 -0.05926 " pathEditMode="relative" rAng="0" ptsTypes="AA">
                                      <p:cBhvr>
                                        <p:cTn id="108" dur="2000" fill="hold"/>
                                        <p:tgtEl>
                                          <p:spTgt spid="10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" y="-2963"/>
                                    </p:animMotion>
                                  </p:childTnLst>
                                </p:cTn>
                              </p:par>
                              <p:par>
                                <p:cTn id="109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0" dur="500"/>
                                        <p:tgtEl>
                                          <p:spTgt spid="8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4" grpId="0"/>
      <p:bldP spid="85" grpId="0" animBg="1"/>
      <p:bldP spid="86" grpId="0" animBg="1"/>
      <p:bldP spid="87" grpId="0" animBg="1"/>
      <p:bldP spid="89" grpId="0"/>
      <p:bldP spid="89" grpId="1"/>
      <p:bldP spid="91" grpId="0"/>
      <p:bldP spid="91" grpId="1"/>
      <p:bldP spid="91" grpId="2"/>
      <p:bldP spid="91" grpId="3"/>
      <p:bldP spid="100" grpId="0"/>
      <p:bldP spid="100" grpId="1"/>
      <p:bldP spid="100" grpId="2"/>
      <p:bldP spid="102" grpId="0"/>
      <p:bldP spid="102" grpId="1"/>
      <p:bldP spid="103" grpId="0"/>
      <p:bldP spid="103" grpId="1"/>
      <p:bldP spid="103" grpId="2"/>
      <p:bldP spid="105" grpId="0"/>
      <p:bldP spid="105" grpId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28BBE29-EABE-44CB-B6D9-7B2756C55A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476250"/>
            <a:ext cx="8353425" cy="1081088"/>
          </a:xfrm>
        </p:spPr>
        <p:txBody>
          <a:bodyPr/>
          <a:lstStyle/>
          <a:p>
            <a:r>
              <a:rPr lang="en-US"/>
              <a:t>Challenges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BBB032EF-C7F9-E8CE-36F6-37D8B5DD8ED4}"/>
              </a:ext>
            </a:extLst>
          </p:cNvPr>
          <p:cNvSpPr txBox="1">
            <a:spLocks/>
          </p:cNvSpPr>
          <p:nvPr/>
        </p:nvSpPr>
        <p:spPr bwMode="auto">
          <a:xfrm>
            <a:off x="503308" y="5156616"/>
            <a:ext cx="3383280" cy="107849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rgbClr val="181818"/>
              </a:buClr>
              <a:buSzTx/>
              <a:buFontTx/>
              <a:buNone/>
              <a:tabLst/>
              <a:defRPr/>
            </a:pPr>
            <a:r>
              <a:rPr kumimoji="0" lang="en-US" sz="240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How to track conditional permissions for larger areas of memory?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C04AFEE3-6D78-4054-1C7C-F9BAF0A061DA}"/>
              </a:ext>
            </a:extLst>
          </p:cNvPr>
          <p:cNvSpPr txBox="1">
            <a:spLocks/>
          </p:cNvSpPr>
          <p:nvPr/>
        </p:nvSpPr>
        <p:spPr bwMode="auto">
          <a:xfrm>
            <a:off x="4421480" y="5156616"/>
            <a:ext cx="3383280" cy="1078498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9144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2400">
                <a:solidFill>
                  <a:schemeClr val="tx1"/>
                </a:solidFill>
                <a:latin typeface="+mj-lt"/>
              </a:rPr>
              <a:t>How to keep track of </a:t>
            </a:r>
            <a:br>
              <a:rPr lang="en-US" sz="2400">
                <a:solidFill>
                  <a:schemeClr val="tx1"/>
                </a:solidFill>
                <a:latin typeface="+mj-lt"/>
              </a:rPr>
            </a:br>
            <a:r>
              <a:rPr lang="en-US" sz="2400">
                <a:solidFill>
                  <a:schemeClr val="tx1"/>
                </a:solidFill>
                <a:latin typeface="+mj-lt"/>
              </a:rPr>
              <a:t>the additional bound?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643E2998-C44F-3931-0651-6ABE8AEEE869}"/>
              </a:ext>
            </a:extLst>
          </p:cNvPr>
          <p:cNvGrpSpPr/>
          <p:nvPr/>
        </p:nvGrpSpPr>
        <p:grpSpPr>
          <a:xfrm>
            <a:off x="503308" y="1552443"/>
            <a:ext cx="3866762" cy="3383280"/>
            <a:chOff x="503308" y="1552443"/>
            <a:chExt cx="3866762" cy="3383280"/>
          </a:xfrm>
        </p:grpSpPr>
        <p:sp>
          <p:nvSpPr>
            <p:cNvPr id="57" name="Oval 56">
              <a:extLst>
                <a:ext uri="{FF2B5EF4-FFF2-40B4-BE49-F238E27FC236}">
                  <a16:creationId xmlns:a16="http://schemas.microsoft.com/office/drawing/2014/main" id="{7B77CB51-694B-CCA5-B5D7-E2BDF844A0D4}"/>
                </a:ext>
              </a:extLst>
            </p:cNvPr>
            <p:cNvSpPr>
              <a:spLocks/>
            </p:cNvSpPr>
            <p:nvPr/>
          </p:nvSpPr>
          <p:spPr bwMode="auto">
            <a:xfrm>
              <a:off x="503308" y="1552443"/>
              <a:ext cx="3383280" cy="3383280"/>
            </a:xfrm>
            <a:prstGeom prst="ellipse">
              <a:avLst/>
            </a:prstGeom>
            <a:solidFill>
              <a:srgbClr val="1174E6"/>
            </a:solidFill>
            <a:ln w="2857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0" tIns="36000" rIns="0" bIns="320040" numCol="1" spcCol="0" rtlCol="0" fromWordArt="0" anchor="b" anchorCtr="1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eaLnBrk="1" fontAlgn="base" latinLnBrk="0" hangingPunct="1">
                <a:lnSpc>
                  <a:spcPct val="90000"/>
                </a:lnSpc>
                <a:spcBef>
                  <a:spcPts val="3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 Light"/>
                </a:rPr>
                <a:t>Store bound for written area and update it each store</a:t>
              </a:r>
            </a:p>
          </p:txBody>
        </p:sp>
        <p:sp>
          <p:nvSpPr>
            <p:cNvPr id="2" name="Arrow: Right 1">
              <a:extLst>
                <a:ext uri="{FF2B5EF4-FFF2-40B4-BE49-F238E27FC236}">
                  <a16:creationId xmlns:a16="http://schemas.microsoft.com/office/drawing/2014/main" id="{DD0EB1DB-4948-0527-0B61-16392BBFEECB}"/>
                </a:ext>
              </a:extLst>
            </p:cNvPr>
            <p:cNvSpPr/>
            <p:nvPr/>
          </p:nvSpPr>
          <p:spPr>
            <a:xfrm>
              <a:off x="3712870" y="1977665"/>
              <a:ext cx="657200" cy="2537731"/>
            </a:xfrm>
            <a:prstGeom prst="rightArrow">
              <a:avLst/>
            </a:prstGeom>
            <a:ln>
              <a:noFill/>
            </a:ln>
          </p:spPr>
          <p:style>
            <a:lnRef idx="2">
              <a:schemeClr val="accent1">
                <a:shade val="15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spcBef>
                  <a:spcPts val="800"/>
                </a:spcBef>
              </a:pPr>
              <a:endParaRPr lang="en-US" err="1"/>
            </a:p>
          </p:txBody>
        </p:sp>
      </p:grpSp>
      <p:sp>
        <p:nvSpPr>
          <p:cNvPr id="58" name="Oval 57">
            <a:extLst>
              <a:ext uri="{FF2B5EF4-FFF2-40B4-BE49-F238E27FC236}">
                <a16:creationId xmlns:a16="http://schemas.microsoft.com/office/drawing/2014/main" id="{ACD48A52-9D36-ED5B-08E0-D5068C4A262B}"/>
              </a:ext>
            </a:extLst>
          </p:cNvPr>
          <p:cNvSpPr>
            <a:spLocks/>
          </p:cNvSpPr>
          <p:nvPr/>
        </p:nvSpPr>
        <p:spPr bwMode="auto">
          <a:xfrm>
            <a:off x="4421480" y="1552443"/>
            <a:ext cx="3383280" cy="3383280"/>
          </a:xfrm>
          <a:prstGeom prst="ellipse">
            <a:avLst/>
          </a:prstGeom>
          <a:solidFill>
            <a:srgbClr val="23969A"/>
          </a:solidFill>
          <a:ln w="381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0" tIns="36000" rIns="0" bIns="320040" numCol="1" spcCol="0" rtlCol="0" fromWordArt="0" anchor="b" anchorCtr="1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Ericsson Hilda Light"/>
              </a:rPr>
              <a:t>Encode it into the capability</a:t>
            </a:r>
          </a:p>
          <a:p>
            <a:pPr marL="0" marR="0" lvl="0" indent="0" algn="ctr" defTabSz="914400" eaLnBrk="1" fontAlgn="base" latinLnBrk="0" hangingPunct="1">
              <a:lnSpc>
                <a:spcPct val="9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800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Ericsson Hilda Ligh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8913356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5" grpId="0"/>
      <p:bldP spid="58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86FFCCE9-362C-38A2-9CC8-3759255374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5" y="476250"/>
            <a:ext cx="10521950" cy="1081088"/>
          </a:xfrm>
        </p:spPr>
        <p:txBody>
          <a:bodyPr/>
          <a:lstStyle/>
          <a:p>
            <a:pPr marL="0" indent="0">
              <a:buNone/>
            </a:pPr>
            <a:r>
              <a:rPr lang="en-US"/>
              <a:t>Operation bound encoding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DFA0170-1209-3CAE-1994-BE2729F8E6E3}"/>
              </a:ext>
            </a:extLst>
          </p:cNvPr>
          <p:cNvSpPr txBox="1"/>
          <p:nvPr/>
        </p:nvSpPr>
        <p:spPr>
          <a:xfrm>
            <a:off x="846508" y="2014064"/>
            <a:ext cx="11161008" cy="599900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1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kern="1000" spc="-3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We extend the CHERI capability format to store additional operational bound in a capability</a:t>
            </a:r>
            <a:endParaRPr kumimoji="0" lang="en-US" sz="200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2F8C17EF-B365-A80E-BF89-82FEC0449F1E}"/>
              </a:ext>
            </a:extLst>
          </p:cNvPr>
          <p:cNvSpPr txBox="1"/>
          <p:nvPr/>
        </p:nvSpPr>
        <p:spPr>
          <a:xfrm>
            <a:off x="4481118" y="5963602"/>
            <a:ext cx="4458749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28-bit representation of Mon CHERI capability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29A512B-DF0E-9520-C923-890203364AD9}"/>
              </a:ext>
            </a:extLst>
          </p:cNvPr>
          <p:cNvSpPr txBox="1"/>
          <p:nvPr/>
        </p:nvSpPr>
        <p:spPr>
          <a:xfrm>
            <a:off x="4481119" y="4281067"/>
            <a:ext cx="4458749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128-bit representation of CHERI capability</a:t>
            </a:r>
          </a:p>
        </p:txBody>
      </p:sp>
      <p:pic>
        <p:nvPicPr>
          <p:cNvPr id="12" name="Picture 11" descr="A close-up of a card&#10;&#10;AI-generated content may be incorrect.">
            <a:extLst>
              <a:ext uri="{FF2B5EF4-FFF2-40B4-BE49-F238E27FC236}">
                <a16:creationId xmlns:a16="http://schemas.microsoft.com/office/drawing/2014/main" id="{6A517CF9-4D06-0EEC-6ABA-8A596F2B006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5029" y="4598397"/>
            <a:ext cx="10069285" cy="1254813"/>
          </a:xfrm>
          <a:prstGeom prst="rect">
            <a:avLst/>
          </a:prstGeom>
        </p:spPr>
      </p:pic>
      <p:pic>
        <p:nvPicPr>
          <p:cNvPr id="14" name="Picture 13" descr="A close-up of a black text&#10;&#10;AI-generated content may be incorrect.">
            <a:extLst>
              <a:ext uri="{FF2B5EF4-FFF2-40B4-BE49-F238E27FC236}">
                <a16:creationId xmlns:a16="http://schemas.microsoft.com/office/drawing/2014/main" id="{D074E214-3C19-4774-EA8A-901D8BD4EB8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5028" y="2671807"/>
            <a:ext cx="10069285" cy="14051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575216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79704824843947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325629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325629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55721973256292"/>
</p:tagLst>
</file>

<file path=ppt/theme/theme1.xml><?xml version="1.0" encoding="utf-8"?>
<a:theme xmlns:a="http://schemas.openxmlformats.org/drawingml/2006/main" name="PresentationTemplate2025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spcBef>
            <a:spcPts val="800"/>
          </a:spcBef>
          <a:defRPr dirty="0" err="1" smtClean="0"/>
        </a:defPPr>
      </a:lstStyle>
      <a:style>
        <a:lnRef idx="2">
          <a:schemeClr val="accent1">
            <a:shade val="15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R="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tabLst/>
          <a:defRPr kumimoji="0" sz="2000" b="0" i="0" u="none" strike="noStrike" kern="1000" cap="none" spc="-30" normalizeH="0" baseline="0" noProof="0" dirty="0" err="1">
            <a:ln>
              <a:noFill/>
            </a:ln>
            <a:solidFill>
              <a:schemeClr val="tx1"/>
            </a:solidFill>
            <a:effectLst/>
            <a:uLnTx/>
            <a:uFillTx/>
            <a:latin typeface="+mn-lt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 Light"/>
        <a:font script="Hebr" typeface="Ericsson Hilda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 Light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"/>
        <a:font script="Hebr" typeface="Ericsson Hilda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7027476704980324","enableDocumentContentUpdater":true,"version":"1.9"}]]></TemplafySlideTemplateConfiguration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cf3242c2-4684-4f45-ac65-8eeed5c1d251">
      <Terms xmlns="http://schemas.microsoft.com/office/infopath/2007/PartnerControls"/>
    </lcf76f155ced4ddcb4097134ff3c332f>
  </documentManagement>
</p:properties>
</file>

<file path=customXml/item3.xml><?xml version="1.0" encoding="utf-8"?>
<TemplafySlideFormConfiguration><![CDATA[{"formFields":[],"formDataEntries":[]}]]></TemplafySlideFormConfiguration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61792477C900F49B0FF5FE85F99F38F" ma:contentTypeVersion="12" ma:contentTypeDescription="Create a new document." ma:contentTypeScope="" ma:versionID="7a88dadc2cced7fdc88f8689223cbc2c">
  <xsd:schema xmlns:xsd="http://www.w3.org/2001/XMLSchema" xmlns:xs="http://www.w3.org/2001/XMLSchema" xmlns:p="http://schemas.microsoft.com/office/2006/metadata/properties" xmlns:ns2="cf3242c2-4684-4f45-ac65-8eeed5c1d251" xmlns:ns3="078db1d0-5a7f-49a4-b6f0-c6d5afe9fb03" targetNamespace="http://schemas.microsoft.com/office/2006/metadata/properties" ma:root="true" ma:fieldsID="c7f775fa5517ffe78d2c36dade9e7bbd" ns2:_="" ns3:_="">
    <xsd:import namespace="cf3242c2-4684-4f45-ac65-8eeed5c1d251"/>
    <xsd:import namespace="078db1d0-5a7f-49a4-b6f0-c6d5afe9fb0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  <xsd:element ref="ns2:MediaServiceSearchProperties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f3242c2-4684-4f45-ac65-8eeed5c1d25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1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lcf76f155ced4ddcb4097134ff3c332f" ma:index="15" nillable="true" ma:taxonomy="true" ma:internalName="lcf76f155ced4ddcb4097134ff3c332f" ma:taxonomyFieldName="MediaServiceImageTags" ma:displayName="Image Tags" ma:readOnly="false" ma:fieldId="{5cf76f15-5ced-4ddc-b409-7134ff3c332f}" ma:taxonomyMulti="true" ma:sspId="c3d31b72-c4b9-4223-ac69-1d9539891dc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78db1d0-5a7f-49a4-b6f0-c6d5afe9fb03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5.xml><?xml version="1.0" encoding="utf-8"?>
<TemplafyFormConfiguration><![CDATA[{"formFields":[{"required":true,"placeholder":"","lines":0,"helpTexts":{"prefix":"","postfix":""},"spacing":{},"type":"textBox","name":"DocumentTitle","label":"Document Title","fullyQualifiedName":"DocumentTitle"},{"dataSource":"Confidentiality","displayColumn":"confidentiality","hideIfNoUserInteractionRequired":false,"distinct":true,"required":true,"autoSelectFirstOption":false,"helpTexts":{"prefix":"","postfix":""},"spacing":{},"type":"dropDown","name":"ConfidentialityClass","label":"Confidentiality Class","fullyQualifiedName":"ConfidentialityClass"},{"dataSource":"External Confidentiality label","displayColumn":"externalConfidentiality","hideIfNoUserInteractionRequired":false,"distinct":true,"required":false,"autoSelectFirstOption":false,"helpTexts":{"prefix":"","postfix":"(If no external confidentiality class then please choose the blank value)"},"spacing":{},"type":"dropDown","name":"ExternalConfidentialityLabel","label":"External Confidentiality label","fullyQualifiedName":"ExternalConfidentialityLabel"},{"column":"documentType","required":false,"placeholder":"","autoSelectFirstOption":false,"helpTexts":{"prefix":"","postfix":""},"spacing":{},"dataSource":"PowerPoint Document Type","type":"comboBox","name":"DocTypePresentation","label":"Document Type","fullyQualifiedName":"DocTypePresentation"},{"required":false,"placeholder":"","lines":0,"helpTexts":{"prefix":"","postfix":"(Commonly assigned by EriDoc)"},"spacing":{},"type":"textBox","name":"DocumentNumber","label":"Document Number","fullyQualifiedName":"DocumentNumber"},{"dataSource":"Language code","displayColumn":"showName","defaultValue":"1","hideIfNoUserInteractionRequired":false,"distinct":true,"required":false,"autoSelectFirstOption":false,"helpTexts":{"prefix":"","postfix":"(The language code will be appended to the Document No.)"},"spacing":{},"type":"dropDown","name":"LanguageCode","label":"Language Code","fullyQualifiedName":"LanguageCode"},{"column":"revision","required":false,"placeholder":"","autoSelectFirstOption":false,"helpTexts":{"prefix":"","postfix":""},"spacing":{},"dataSource":"Revision","type":"comboBox","name":"Revision","label":"Revision","fullyQualifiedName":"Revision"},{"required":false,"helpTexts":{"prefix":"","postfix":""},"spacing":{},"type":"datePicker","name":"Date","label":"Date","fullyQualifiedName":"Date"},{"helpTexts":{"prefix":"","postfix":""},"spacing":{},"type":"heading","name":"FooterVisibilityOptions","label":"Footer Visibility Options","fullyQualifiedName":"FooterVisibilityOptions"},{"dataSource":"PPT FooterVisibility","displayColumn":"templateType","defaultValue":"1","hideIfNoUserInteractionRequired":false,"distinct":true,"required":true,"autoSelectFirstOption":false,"helpTexts":{"prefix":"","postfix":""},"spacing":{},"type":"dropDown","name":"TemplateType","label":"Is this a document or presentation?","fullyQualifiedName":"TemplateType"},{"dataSource":"PPT FooterVisibility","displayColumn":"docTitle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Title","label":"Show document title in footer?","fullyQualifiedName":"DocTitle"},{"dataSource":"PPT FooterVisibility","displayColumn":"totalPageNo_text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TotalPageNo","label":"Page numbering","fullyQualifiedName":"TotalPageNo"},{"dataSource":"PPT FooterVisibility","displayColumn":"showDocNo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No","label":"Show document number in footer?","fullyQualifiedName":"DocNo"},{"required":false,"placeholder":"","lines":0,"defaultValue":"{{UserProfile.Prepared}}","helpTexts":{"prefix":"","postfix":""},"spacing":{},"type":"textBox","name":"Prepared","label":"Prepared By (Subject Responsible)","fullyQualifiedName":"Prepared"},{"required":false,"placeholder":"","lines":0,"helpTexts":{"prefix":"","postfix":""},"spacing":{},"type":"textBox","name":"ApprovedBy","label":"Approved By (Document Responsible)","fullyQualifiedName":"ApprovedBy"},{"required":false,"placeholder":"","lines":0,"helpTexts":{"prefix":"","postfix":""},"spacing":{},"type":"textBox","name":"Checked","label":"Checked","fullyQualifiedName":"Checked"},{"required":false,"placeholder":"","lines":0,"helpTexts":{"prefix":"","postfix":"(Overwritten with EriDoc values at check-in)"},"spacing":{},"type":"textBox","name":"Reference","label":"Reference","fullyQualifiedName":"Reference"},{"required":false,"placeholder":"","lines":0,"helpTexts":{"prefix":"","postfix":""},"spacing":{},"type":"textBox","name":"Keywords","label":"Keywords","fullyQualifiedName":"Keywords"}],"formDataEntries":[{"name":"DocumentTitle","value":"jxZr17jn84sOC0wiGgY2aw=="},{"name":"ConfidentialityClass","value":"cT/FOwTWaPknrhRlNMh4SQ=="},{"name":"ExternalConfidentialityLabel","value":"u2D/MG3wyuAQhkGvE2fPaA=="},{"name":"LanguageCode","value":"5wlu7ZdPxHQj1W0w+yTNSg=="},{"name":"Date","value":"NwLfl2tfLFBmKjM88jBMeg=="},{"name":"TemplateType","value":"5wlu7ZdPxHQj1W0w+yTNSg=="},{"name":"DocTitle","value":"5wlu7ZdPxHQj1W0w+yTNSg=="},{"name":"TotalPageNo","value":"5wlu7ZdPxHQj1W0w+yTNSg=="},{"name":"DocNo","value":"5wlu7ZdPxHQj1W0w+yTNSg=="},{"name":"Prepared","value":"pbJLIINI6FbKVRUdKp7HDCClimoN9fv6VDAWVQMLc2I="}]}]]></TemplafyFormConfiguration>
</file>

<file path=customXml/item6.xml><?xml version="1.0" encoding="utf-8"?>
<TemplafyTemplateConfiguration><![CDATA[{"elementsMetadata":[],"transformationConfigurations":[{"language":"{{DocumentLanguage}}","disableUpdates":false,"type":"proofingLanguage"},{"propertyName":"FooterText","propertyValue":"true","disableUpdates":false,"type":"customDocumentProperty"},{"propertyName":"SecurityClass","propertyValue":"{{Form.ConfidentialityClass.Confidentiality}}","disableUpdates":false,"type":"customDocumentProperty"},{"propertyName":"ExtConf","propertyValue":"{{Form.ExternalConfidentialityLabel.ExternalConfidentiality}}","disableUpdates":false,"type":"customDocumentProperty"},{"propertyName":"Prepared","propertyValue":"{{Form.Prepared}}","disableUpdates":false,"type":"customDocumentProperty"},{"propertyName":"ApprovedBy","propertyValue":"{{Form.ApprovedBy}}","disableUpdates":false,"type":"customDocumentProperty"},{"propertyName":"DocNo","propertyValue":"{{Form.DocumentNumber}} {{Form.LanguageCode.LanguageCode}}","disableUpdates":false,"type":"customDocumentProperty"},{"propertyName":"Checked","propertyValue":"{{Form.Checked}}","disableUpdates":false,"type":"customDocumentProperty"},{"propertyName":"Date","propertyValue":"{{Form.Date}}","disableUpdates":false,"type":"customDocumentProperty"},{"propertyName":"Reference","propertyValue":"{{Form.Reference}}","disableUpdates":false,"type":"customDocumentProperty"},{"propertyName":"Title","propertyValue":"{{Form.DocumentTitle}}","disableUpdates":false,"type":"customDocumentProperty"},{"propertyName":"Keyword","propertyValue":"{{Form.Keywords}}","disableUpdates":false,"type":"customDocumentProperty"},{"propertyName":"DocumentType","propertyValue":"Presentation2011","disableUpdates":false,"type":"customDocumentProperty"},{"propertyName":"Language","propertyValue":"EnglishUS","disableUpdates":false,"type":"customDocumentProperty"},{"propertyName":"TemplateID","propertyValue":"FALSE","disableUpdates":false,"type":"customDocumentProperty"},{"propertyName":"ConfCtrl","propertyValue":"FALSE","disableUpdates":false,"type":"customDocumentProperty"},{"propertyName":"title","propertyValue":"{{Form.DocumentTitle}}","disableUpdates":false,"type":"documentProperty"},{"propertyName":"keywords","propertyValue":"{{Form.Keywords}}","disableUpdates":false,"type":"documentProperty"},{"propertyName":"creator","propertyValue":"{{Form.Prepared}}","disableUpdates":false,"type":"documentProperty"},{"propertyName":"DocTitle","propertyValue":"{{Form.DocTitle.DocTitle}}","disableUpdates":false,"type":"customDocumentProperty"},{"propertyName":"IsDocument","propertyValue":"{{Form.TemplateType.IsDocument}}","disableUpdates":false,"type":"customDocumentProperty"},{"propertyName":"IsPresentation","propertyValue":"{{Form.TemplateType.IsPresentation}}","disableUpdates":false,"type":"customDocumentProperty"},{"propertyName":"company","propertyValue":"Ericsson","disableUpdates":false,"type":"documentProperty"},{"propertyName":"PageNumberVisible","propertyValue":"{{Form.TotalPageNo.TotalPageNo_value}}","disableUpdates":false,"type":"customDocumentProperty"},{"propertyName":"Revision","propertyValue":"{{Form.Revision}}","disableUpdates":false,"type":"customDocumentProperty"},{"propertyName":"DocType","propertyValue":"{{Form.DocTypePresentation}}","disableUpdates":false,"type":"customDocumentProperty"},{"propertyName":"TemplateVersion","propertyValue":"R2A","disableUpdates":false,"type":"customDocumentProperty"},{"propertyName":"PackageNo","propertyValue":"LXA 119 603","disableUpdates":false,"type":"customDocumentProperty"},{"propertyName":"PackageVersion","propertyValue":"R6B","disableUpdates":false,"type":"customDocumentProperty"},{"propertyName":"TemplateName","propertyValue":"CXC 173 2731/1","disableUpdates":false,"type":"customDocumentProperty"},{"propertyName":"DocName","propertyValue":" ","disableUpdates":false,"type":"customDocumentProperty"},{"propertyName":"description","propertyValue":"{{Form.DocumentNumber}} {{Form.LanguageCode.LanguageCode}}\nRev {{Form.Revision}}","disableUpdates":false,"type":"documentProperty"},{"propertyName":"DocNoVisible","propertyValue":"{{Form.DocNo.ShowDocNo}}","disableUpdates":false,"type":"customDocumentProperty"}],"templateName":"","templateDescription":"","enableDocumentContentUpdater":true,"version":"1.9"}]]></TemplafyTemplateConfiguration>
</file>

<file path=customXml/item7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8.xml><?xml version="1.0" encoding="utf-8"?>
<TemplafySlideTemplateConfiguration><![CDATA[{"documentContentValidatorConfiguration":{"enableDocumentContentValidator":false,"documentContentValidatorVersion":0},"elementsMetadata":[],"slideId":"638780731662526815","enableDocumentContentUpdater":true,"version":"1.9"}]]></TemplafySlide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C09F197C-6A49-47D0-B877-F88807989676}">
  <ds:schemaRefs/>
</ds:datastoreItem>
</file>

<file path=customXml/itemProps2.xml><?xml version="1.0" encoding="utf-8"?>
<ds:datastoreItem xmlns:ds="http://schemas.openxmlformats.org/officeDocument/2006/customXml" ds:itemID="{56F2EE69-0CCA-4F48-BE22-EC4A886C57A7}">
  <ds:schemaRefs>
    <ds:schemaRef ds:uri="92e1255f-bb7b-4dc9-b051-584cc104eb44"/>
    <ds:schemaRef ds:uri="a6550eff-0fc9-443f-8e77-72cbcf778382"/>
    <ds:schemaRef ds:uri="cf3242c2-4684-4f45-ac65-8eeed5c1d251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B9AEDDE3-EA02-4A8F-B8F8-0606A0AA45FC}">
  <ds:schemaRefs/>
</ds:datastoreItem>
</file>

<file path=customXml/itemProps4.xml><?xml version="1.0" encoding="utf-8"?>
<ds:datastoreItem xmlns:ds="http://schemas.openxmlformats.org/officeDocument/2006/customXml" ds:itemID="{33C43FDA-8994-4418-93D7-155C40C05E53}">
  <ds:schemaRefs>
    <ds:schemaRef ds:uri="078db1d0-5a7f-49a4-b6f0-c6d5afe9fb03"/>
    <ds:schemaRef ds:uri="cf3242c2-4684-4f45-ac65-8eeed5c1d251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5.xml><?xml version="1.0" encoding="utf-8"?>
<ds:datastoreItem xmlns:ds="http://schemas.openxmlformats.org/officeDocument/2006/customXml" ds:itemID="{D92C3DF5-A179-4E2D-BD20-07044B39171F}">
  <ds:schemaRefs/>
</ds:datastoreItem>
</file>

<file path=customXml/itemProps6.xml><?xml version="1.0" encoding="utf-8"?>
<ds:datastoreItem xmlns:ds="http://schemas.openxmlformats.org/officeDocument/2006/customXml" ds:itemID="{07958A4E-FAB1-42E4-B6B5-29B01F63F87B}">
  <ds:schemaRefs/>
</ds:datastoreItem>
</file>

<file path=customXml/itemProps7.xml><?xml version="1.0" encoding="utf-8"?>
<ds:datastoreItem xmlns:ds="http://schemas.openxmlformats.org/officeDocument/2006/customXml" ds:itemID="{F5A7E41D-6E7F-4B05-AFAB-F540BD4C068B}">
  <ds:schemaRefs>
    <ds:schemaRef ds:uri="http://schemas.microsoft.com/sharepoint/v3/contenttype/forms"/>
  </ds:schemaRefs>
</ds:datastoreItem>
</file>

<file path=customXml/itemProps8.xml><?xml version="1.0" encoding="utf-8"?>
<ds:datastoreItem xmlns:ds="http://schemas.openxmlformats.org/officeDocument/2006/customXml" ds:itemID="{1CE36EA9-2186-4EB1-871A-8AE59C2A13BB}">
  <ds:schemaRefs/>
</ds:datastoreItem>
</file>

<file path=customXml/itemProps9.xml><?xml version="1.0" encoding="utf-8"?>
<ds:datastoreItem xmlns:ds="http://schemas.openxmlformats.org/officeDocument/2006/customXml" ds:itemID="{58CC0B31-82B9-497A-9A2E-F3F72D0BBDAD}">
  <ds:schemaRefs/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TM16401371[[fn=Atlas]]</Template>
  <TotalTime>0</TotalTime>
  <Words>847</Words>
  <Application>Microsoft Office PowerPoint</Application>
  <PresentationFormat>Widescreen</PresentationFormat>
  <Paragraphs>150</Paragraphs>
  <Slides>14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2" baseType="lpstr">
      <vt:lpstr>Ericsson Hilda ExtraBold</vt:lpstr>
      <vt:lpstr>Ericsson Hilda ExtraLight</vt:lpstr>
      <vt:lpstr>Ericsson Hilda</vt:lpstr>
      <vt:lpstr>Ericsson Technical Icons</vt:lpstr>
      <vt:lpstr>Ericsson Hilda Light</vt:lpstr>
      <vt:lpstr>Courier New</vt:lpstr>
      <vt:lpstr>Arial</vt:lpstr>
      <vt:lpstr>PresentationTemplate2025</vt:lpstr>
      <vt:lpstr>PowerPoint Presentation</vt:lpstr>
      <vt:lpstr>Motivation: Memory Safety</vt:lpstr>
      <vt:lpstr>Background: Initialization Safety </vt:lpstr>
      <vt:lpstr>Capability Hardware Enhanced RISC Instructions</vt:lpstr>
      <vt:lpstr>Our Solution: Conditional Permissions</vt:lpstr>
      <vt:lpstr>Challenges</vt:lpstr>
      <vt:lpstr>Conditional Capabilities</vt:lpstr>
      <vt:lpstr>Challenges</vt:lpstr>
      <vt:lpstr>Operation bound encoding</vt:lpstr>
      <vt:lpstr>Challenges</vt:lpstr>
      <vt:lpstr>Mon CHÉRI high-level architecture</vt:lpstr>
      <vt:lpstr>Evaluation: Functional &amp; Performance </vt:lpstr>
      <vt:lpstr>Conclusion </vt:lpstr>
      <vt:lpstr>PowerPoint Presentation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Mon CHERI</dc:title>
  <dc:creator>EMRTREU Merve Gülmez</dc:creator>
  <cp:keywords/>
  <dc:description> 
Rev </dc:description>
  <cp:lastModifiedBy>Thomas Nyman</cp:lastModifiedBy>
  <cp:revision>1</cp:revision>
  <dcterms:created xsi:type="dcterms:W3CDTF">2019-04-23T15:12:54Z</dcterms:created>
  <dcterms:modified xsi:type="dcterms:W3CDTF">2025-05-09T19:16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BCategory">
    <vt:lpwstr> </vt:lpwstr>
  </property>
  <property fmtid="{D5CDD505-2E9C-101B-9397-08002B2CF9AE}" pid="3" name="TemplateIdentity">
    <vt:lpwstr> </vt:lpwstr>
  </property>
  <property fmtid="{D5CDD505-2E9C-101B-9397-08002B2CF9AE}" pid="4" name="DocName">
    <vt:lpwstr> </vt:lpwstr>
  </property>
  <property fmtid="{D5CDD505-2E9C-101B-9397-08002B2CF9AE}" pid="5" name="DocumentDataTemplate">
    <vt:lpwstr>true</vt:lpwstr>
  </property>
  <property fmtid="{D5CDD505-2E9C-101B-9397-08002B2CF9AE}" pid="6" name="BSubject">
    <vt:lpwstr> </vt:lpwstr>
  </property>
  <property fmtid="{D5CDD505-2E9C-101B-9397-08002B2CF9AE}" pid="7" name="TemplafyTimeStamp">
    <vt:lpwstr>2025-03-20T13:12:46.0714942Z</vt:lpwstr>
  </property>
  <property fmtid="{D5CDD505-2E9C-101B-9397-08002B2CF9AE}" pid="8" name="TemplafyTenantId">
    <vt:lpwstr>ericsson</vt:lpwstr>
  </property>
  <property fmtid="{D5CDD505-2E9C-101B-9397-08002B2CF9AE}" pid="9" name="TemplafyTemplateId">
    <vt:lpwstr>637661677935531027</vt:lpwstr>
  </property>
  <property fmtid="{D5CDD505-2E9C-101B-9397-08002B2CF9AE}" pid="10" name="TemplafyUserProfileId">
    <vt:lpwstr>638439299588591338</vt:lpwstr>
  </property>
  <property fmtid="{D5CDD505-2E9C-101B-9397-08002B2CF9AE}" pid="11" name="TemplafyLanguageCode">
    <vt:lpwstr>en-US</vt:lpwstr>
  </property>
  <property fmtid="{D5CDD505-2E9C-101B-9397-08002B2CF9AE}" pid="12" name="FooterText">
    <vt:lpwstr>true</vt:lpwstr>
  </property>
  <property fmtid="{D5CDD505-2E9C-101B-9397-08002B2CF9AE}" pid="13" name="SecurityClass">
    <vt:lpwstr>Open</vt:lpwstr>
  </property>
  <property fmtid="{D5CDD505-2E9C-101B-9397-08002B2CF9AE}" pid="14" name="ExtConf">
    <vt:lpwstr>Public</vt:lpwstr>
  </property>
  <property fmtid="{D5CDD505-2E9C-101B-9397-08002B2CF9AE}" pid="15" name="Prepared">
    <vt:lpwstr>EMRTREU Merve Gülmez</vt:lpwstr>
  </property>
  <property fmtid="{D5CDD505-2E9C-101B-9397-08002B2CF9AE}" pid="16" name="ApprovedBy">
    <vt:lpwstr/>
  </property>
  <property fmtid="{D5CDD505-2E9C-101B-9397-08002B2CF9AE}" pid="17" name="DocNo">
    <vt:lpwstr> </vt:lpwstr>
  </property>
  <property fmtid="{D5CDD505-2E9C-101B-9397-08002B2CF9AE}" pid="18" name="Checked">
    <vt:lpwstr/>
  </property>
  <property fmtid="{D5CDD505-2E9C-101B-9397-08002B2CF9AE}" pid="19" name="Date">
    <vt:lpwstr>2025-05-12</vt:lpwstr>
  </property>
  <property fmtid="{D5CDD505-2E9C-101B-9397-08002B2CF9AE}" pid="20" name="Reference">
    <vt:lpwstr/>
  </property>
  <property fmtid="{D5CDD505-2E9C-101B-9397-08002B2CF9AE}" pid="21" name="Title">
    <vt:lpwstr>Mon CHERI</vt:lpwstr>
  </property>
  <property fmtid="{D5CDD505-2E9C-101B-9397-08002B2CF9AE}" pid="22" name="Keyword">
    <vt:lpwstr/>
  </property>
  <property fmtid="{D5CDD505-2E9C-101B-9397-08002B2CF9AE}" pid="23" name="DocumentType">
    <vt:lpwstr>Presentation2011</vt:lpwstr>
  </property>
  <property fmtid="{D5CDD505-2E9C-101B-9397-08002B2CF9AE}" pid="24" name="Language">
    <vt:lpwstr>EnglishUS</vt:lpwstr>
  </property>
  <property fmtid="{D5CDD505-2E9C-101B-9397-08002B2CF9AE}" pid="25" name="TemplateID">
    <vt:lpwstr>FALSE</vt:lpwstr>
  </property>
  <property fmtid="{D5CDD505-2E9C-101B-9397-08002B2CF9AE}" pid="26" name="ConfCtrl">
    <vt:lpwstr>FALSE</vt:lpwstr>
  </property>
  <property fmtid="{D5CDD505-2E9C-101B-9397-08002B2CF9AE}" pid="27" name="DocTitle">
    <vt:lpwstr>false</vt:lpwstr>
  </property>
  <property fmtid="{D5CDD505-2E9C-101B-9397-08002B2CF9AE}" pid="28" name="IsDocument">
    <vt:lpwstr>true</vt:lpwstr>
  </property>
  <property fmtid="{D5CDD505-2E9C-101B-9397-08002B2CF9AE}" pid="29" name="IsPresentation">
    <vt:lpwstr>false</vt:lpwstr>
  </property>
  <property fmtid="{D5CDD505-2E9C-101B-9397-08002B2CF9AE}" pid="30" name="PageNumberVisible">
    <vt:lpwstr>PageXY</vt:lpwstr>
  </property>
  <property fmtid="{D5CDD505-2E9C-101B-9397-08002B2CF9AE}" pid="31" name="Revision">
    <vt:lpwstr/>
  </property>
  <property fmtid="{D5CDD505-2E9C-101B-9397-08002B2CF9AE}" pid="32" name="DocType">
    <vt:lpwstr/>
  </property>
  <property fmtid="{D5CDD505-2E9C-101B-9397-08002B2CF9AE}" pid="33" name="TemplateVersion">
    <vt:lpwstr>R2A</vt:lpwstr>
  </property>
  <property fmtid="{D5CDD505-2E9C-101B-9397-08002B2CF9AE}" pid="34" name="PackageNo">
    <vt:lpwstr>LXA 119 603</vt:lpwstr>
  </property>
  <property fmtid="{D5CDD505-2E9C-101B-9397-08002B2CF9AE}" pid="35" name="PackageVersion">
    <vt:lpwstr>R6B</vt:lpwstr>
  </property>
  <property fmtid="{D5CDD505-2E9C-101B-9397-08002B2CF9AE}" pid="36" name="TemplateName">
    <vt:lpwstr>CXC 173 2731/1</vt:lpwstr>
  </property>
  <property fmtid="{D5CDD505-2E9C-101B-9397-08002B2CF9AE}" pid="37" name="DocNoVisible">
    <vt:lpwstr>true</vt:lpwstr>
  </property>
  <property fmtid="{D5CDD505-2E9C-101B-9397-08002B2CF9AE}" pid="38" name="MediaServiceImageTags">
    <vt:lpwstr/>
  </property>
  <property fmtid="{D5CDD505-2E9C-101B-9397-08002B2CF9AE}" pid="39" name="ContentTypeId">
    <vt:lpwstr>0x010100961792477C900F49B0FF5FE85F99F38F</vt:lpwstr>
  </property>
</Properties>
</file>